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101\04_人材育成グループ\14_障がい者活躍推進\01_障がい者活躍推進計画\02_取組状況公表\公表資料\"/>
    </mc:Choice>
  </mc:AlternateContent>
  <bookViews>
    <workbookView xWindow="0" yWindow="0" windowWidth="19200" windowHeight="7305"/>
  </bookViews>
  <sheets>
    <sheet name="取組状況調査票（知事部局・企業庁・議会局）" sheetId="7" r:id="rId1"/>
  </sheets>
  <definedNames>
    <definedName name="_xlnm._FilterDatabase" localSheetId="0" hidden="1">'取組状況調査票（知事部局・企業庁・議会局）'!$A$9:$F$45</definedName>
    <definedName name="_xlnm.Print_Area" localSheetId="0">'取組状況調査票（知事部局・企業庁・議会局）'!$A$1:$F$45</definedName>
    <definedName name="_xlnm.Print_Titles" localSheetId="0">'取組状況調査票（知事部局・企業庁・議会局）'!$1:$1</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33" uniqueCount="116">
  <si>
    <t>１推進体制の整備</t>
    <rPh sb="1" eb="3">
      <t>スイシン</t>
    </rPh>
    <rPh sb="3" eb="5">
      <t>タイセイ</t>
    </rPh>
    <rPh sb="6" eb="8">
      <t>セイビ</t>
    </rPh>
    <phoneticPr fontId="2"/>
  </si>
  <si>
    <t>２　職務の選定・マッチング等</t>
    <phoneticPr fontId="2"/>
  </si>
  <si>
    <t>３　職場環境の整備</t>
    <phoneticPr fontId="2"/>
  </si>
  <si>
    <t>（１）庁内検討会議の設置等</t>
    <rPh sb="3" eb="5">
      <t>チョウナイ</t>
    </rPh>
    <rPh sb="5" eb="7">
      <t>ケントウ</t>
    </rPh>
    <rPh sb="7" eb="9">
      <t>カイギ</t>
    </rPh>
    <rPh sb="10" eb="12">
      <t>セッチ</t>
    </rPh>
    <rPh sb="12" eb="13">
      <t>トウ</t>
    </rPh>
    <phoneticPr fontId="2"/>
  </si>
  <si>
    <t>（２）相談先の確保等</t>
    <rPh sb="3" eb="5">
      <t>ソウダン</t>
    </rPh>
    <rPh sb="5" eb="6">
      <t>サキ</t>
    </rPh>
    <rPh sb="7" eb="9">
      <t>カクホ</t>
    </rPh>
    <rPh sb="9" eb="10">
      <t>トウ</t>
    </rPh>
    <phoneticPr fontId="2"/>
  </si>
  <si>
    <t>（３）障がい理解の促進</t>
    <phoneticPr fontId="2"/>
  </si>
  <si>
    <t>ア　「障がい者の活躍推進に関する庁内検討会議」及び検討チームの設置等</t>
    <phoneticPr fontId="2"/>
  </si>
  <si>
    <t>イ　「障がい者活躍推進検討委員会」の設置等</t>
    <phoneticPr fontId="2"/>
  </si>
  <si>
    <t>ウ　職員アンケート等の実施</t>
    <phoneticPr fontId="2"/>
  </si>
  <si>
    <t>エ　「障害者雇用推進者」の選任</t>
    <phoneticPr fontId="2"/>
  </si>
  <si>
    <t>ア　「障害者職業生活相談員」の配置</t>
    <phoneticPr fontId="2"/>
  </si>
  <si>
    <t>イ　庁内相談窓口の設置</t>
    <phoneticPr fontId="2"/>
  </si>
  <si>
    <t>ウ　国等の機関における相談窓口の活用</t>
    <phoneticPr fontId="2"/>
  </si>
  <si>
    <t>ア　管理監督者向け研修の実施</t>
    <phoneticPr fontId="2"/>
  </si>
  <si>
    <t>ア　採用前面談の実施</t>
    <phoneticPr fontId="2"/>
  </si>
  <si>
    <t>ア　施設の整備</t>
    <phoneticPr fontId="2"/>
  </si>
  <si>
    <t>イ　職員キャリア開発支援センターにおける研修の実施</t>
    <phoneticPr fontId="2"/>
  </si>
  <si>
    <t>イ　管理監督者との面談の実施</t>
    <phoneticPr fontId="2"/>
  </si>
  <si>
    <t>イ　就労支援機器等の整備</t>
    <phoneticPr fontId="2"/>
  </si>
  <si>
    <t>ウ　ｅ－ラーニングの活用</t>
    <phoneticPr fontId="2"/>
  </si>
  <si>
    <t>ウ　「チャレンジオフィス」における全庁調査の実施</t>
    <phoneticPr fontId="2"/>
  </si>
  <si>
    <t>ウ　「就労パスポート」の活用</t>
    <phoneticPr fontId="2"/>
  </si>
  <si>
    <t>エ　管理監督者との面談の実施による合理的配慮</t>
    <phoneticPr fontId="2"/>
  </si>
  <si>
    <t>４　職員の採用・育成等</t>
    <phoneticPr fontId="2"/>
  </si>
  <si>
    <t>（１）障がい者採用の取組</t>
    <phoneticPr fontId="2"/>
  </si>
  <si>
    <t>ア　募集案内時の対応</t>
    <phoneticPr fontId="2"/>
  </si>
  <si>
    <t>イ　採用選考時の対応</t>
    <phoneticPr fontId="2"/>
  </si>
  <si>
    <t>ウ　特別支援学校等の生徒の実習受入れ（インターンシップ）</t>
    <phoneticPr fontId="2"/>
  </si>
  <si>
    <t>（２）キャリア形成に向けた取組</t>
    <phoneticPr fontId="2"/>
  </si>
  <si>
    <t>ア　研修を通じた能力向上</t>
    <phoneticPr fontId="2"/>
  </si>
  <si>
    <t>イ　研修受講にあたっての配慮</t>
    <phoneticPr fontId="2"/>
  </si>
  <si>
    <t>（３）多様で柔軟な働き方の推進</t>
    <phoneticPr fontId="2"/>
  </si>
  <si>
    <t>イ　年次休暇等の取得促進</t>
    <phoneticPr fontId="2"/>
  </si>
  <si>
    <t>ア　テレワークの活用等</t>
    <phoneticPr fontId="2"/>
  </si>
  <si>
    <t>（４）人事異動等における配慮</t>
    <phoneticPr fontId="2"/>
  </si>
  <si>
    <t>ア　障がい特性等を踏まえた人事異動</t>
    <phoneticPr fontId="2"/>
  </si>
  <si>
    <t>５　優先調達等</t>
    <phoneticPr fontId="2"/>
  </si>
  <si>
    <t>ア　障がい者就労施設等への発注等</t>
    <phoneticPr fontId="2"/>
  </si>
  <si>
    <t>取組内容</t>
    <rPh sb="0" eb="2">
      <t>トリクミ</t>
    </rPh>
    <rPh sb="2" eb="4">
      <t>ナイヨウ</t>
    </rPh>
    <phoneticPr fontId="2"/>
  </si>
  <si>
    <t>大区分</t>
    <rPh sb="0" eb="3">
      <t>ダイクブン</t>
    </rPh>
    <phoneticPr fontId="2"/>
  </si>
  <si>
    <t>中区分</t>
    <rPh sb="0" eb="1">
      <t>チュウ</t>
    </rPh>
    <rPh sb="1" eb="3">
      <t>クブン</t>
    </rPh>
    <phoneticPr fontId="2"/>
  </si>
  <si>
    <t>小区分</t>
    <rPh sb="0" eb="3">
      <t>ショウクブン</t>
    </rPh>
    <phoneticPr fontId="2"/>
  </si>
  <si>
    <t>学識経験者や障がい者団体関係者等で構成する「障がい者活躍推進検討委員会」を設置し、毎年度、取組状況等を報告するとともに、委員会における意見を取組へ反映します。</t>
    <phoneticPr fontId="2"/>
  </si>
  <si>
    <t>障がいのある職員本人や、職場で支援にあたる管理監督者等が相談できる窓口を人事課等に設置します。相談者の意向等を踏まえ、必要に応じて、産業医とも連携を図ります。</t>
    <phoneticPr fontId="2"/>
  </si>
  <si>
    <t>「人権男女主任者研修会」等を活用し、全所属の管理監督者等を対象に、具体的な事例等を盛り込んだ、障がい理解に係る研修を実施します。</t>
    <phoneticPr fontId="2"/>
  </si>
  <si>
    <t>職員キャリア開発支援センターで実施する、新採用職員研修や新任管理職職員研修等において、障がい理解に係る内容を盛り込むとともに、障がい理解の促進に向けた選択研修を設定し、受講を促進します。</t>
    <phoneticPr fontId="2"/>
  </si>
  <si>
    <t>「精神・発達障害者しごとサポーター養成講座（ｅ－ラーニング版。厚生労働省）」等を周知・活用し、障がいに係る基礎知識や障がい種別に応じた配慮等に関する職員理解の促進を図ります。</t>
    <phoneticPr fontId="2"/>
  </si>
  <si>
    <t>採用後も、所属の管理監督者による年３回の面談等を通じて、障がい者一人ひとりの障がい特性や能力、希望等を確認し、業務との適切なマッチングを推進します。</t>
    <phoneticPr fontId="2"/>
  </si>
  <si>
    <t>「チャレンジオフィス」において全庁的な調査を行い、障がいのある職員に適した業務の掘り起こし等を行います。</t>
    <phoneticPr fontId="2"/>
  </si>
  <si>
    <t>「チャレンジオフィス」等において、特別支援学校及びインクルーシブ教育実践推進校の生徒を対象に実習の受入れを行います。</t>
    <phoneticPr fontId="2"/>
  </si>
  <si>
    <t>職員キャリア開発支援センターの研修や、各局主体の専門研修等を通じて、実務能力や専門性の向上を図ります。</t>
    <phoneticPr fontId="2"/>
  </si>
  <si>
    <t>テレワークや拡大時差出勤の活用など、多様で柔軟な働き方を推進します。</t>
    <phoneticPr fontId="2"/>
  </si>
  <si>
    <t>優先調達推進法に基づく障がい者就労施設等への発注や、かながわ障害者雇用優良企業に認証されている企業等に対する競争入札参加資格の等級格付の際の加点等の取組を通じ、障がい者の活躍の場の拡大を推進します。</t>
    <phoneticPr fontId="2"/>
  </si>
  <si>
    <t>拡大印刷や点字、筆談、手話通訳者による対応のほか、面接時に就労支援機関の職員等の同席を可能とするなど、採用選考の実施にあたり、必要な配慮を行います。</t>
    <phoneticPr fontId="2"/>
  </si>
  <si>
    <t>所属の管理監督者による年３回の面談や、人事担当者とのキャリア面接等を通じて、障がい者一人ひとりの障がい特性や能力、希望等を確認します。
その上で、人事異動にあたっては、業務との適切なマッチング等を図るとともに、合理的配慮の提供を行います。</t>
    <phoneticPr fontId="2"/>
  </si>
  <si>
    <t>就労支援機器等の整備
音声読み上げソフトや画面拡大ソフト等の就労支援機器や、リーディングアシスタント等の補助者の配置など、障がい特性を踏まえた体制整備を推進します。</t>
    <phoneticPr fontId="2"/>
  </si>
  <si>
    <t>各任命権者において、管理担当課長等を「障害者雇用推進者」として選任し、全庁的に取組を推進します。</t>
    <phoneticPr fontId="2"/>
  </si>
  <si>
    <t>全任命権者の人事担当課長及び関係課長で構成する「障がい者の活躍推進に関する庁内検討会議」及び障がいのある職員を構成員に含む検討チームを設置し、毎年度、取組状況を確認・検証します。</t>
    <phoneticPr fontId="2"/>
  </si>
  <si>
    <t>今後の取組方針</t>
    <rPh sb="0" eb="2">
      <t>コンゴ</t>
    </rPh>
    <rPh sb="3" eb="5">
      <t>トリクミ</t>
    </rPh>
    <rPh sb="5" eb="7">
      <t>ホウシン</t>
    </rPh>
    <phoneticPr fontId="2"/>
  </si>
  <si>
    <t>神奈川労働局に設置されている「職場適応支援者」による相談窓口等についても、職員に周知し活用を促進します。</t>
    <phoneticPr fontId="2"/>
  </si>
  <si>
    <t>視覚障がい者について資料を点字化するなど、研修受講にあたり必要な配慮を行います。</t>
    <phoneticPr fontId="2"/>
  </si>
  <si>
    <t>障がい特性に配慮し、多目的トイレ、スロープ、エレベーター、休憩室等の施設を整備します。</t>
    <phoneticPr fontId="2"/>
  </si>
  <si>
    <t>本人が希望する場合には、「就労パスポート」の活用等により、就労支援機関等と障がい特性等についての情報を共有し、適切な支援や配慮を講じていきます。</t>
    <phoneticPr fontId="2"/>
  </si>
  <si>
    <t>採用前の合格者面談について、医師が同席するとともに、本人が希望する場合には就労支援機関の職員等も同席して実施するなど、障がい者一人ひとりの障がい特性や能力、希望等を踏まえ、適した業務等を確認します。
また、県庁で働く具体的なイメージを持つことができるよう、先輩職員による業務説明等の機会を設けます。</t>
    <phoneticPr fontId="2"/>
  </si>
  <si>
    <t>ワーク・ライフ・バランスの実現等を図るため、年次休暇等の取得を促進します。</t>
    <phoneticPr fontId="2"/>
  </si>
  <si>
    <t>申出実績なし</t>
    <rPh sb="0" eb="1">
      <t>モウ</t>
    </rPh>
    <rPh sb="1" eb="2">
      <t>デ</t>
    </rPh>
    <rPh sb="2" eb="4">
      <t>ジッセキ</t>
    </rPh>
    <phoneticPr fontId="2"/>
  </si>
  <si>
    <t>令和２年４月定期異動の際には、所属管理監督者による年3回の面談等を通じて、特性、能力、希望等を確認し、これらを考慮した上で人事異動を実施</t>
    <rPh sb="0" eb="2">
      <t>レイワ</t>
    </rPh>
    <rPh sb="3" eb="4">
      <t>ネン</t>
    </rPh>
    <rPh sb="5" eb="6">
      <t>ガツ</t>
    </rPh>
    <rPh sb="6" eb="8">
      <t>テイキ</t>
    </rPh>
    <rPh sb="8" eb="10">
      <t>イドウ</t>
    </rPh>
    <rPh sb="11" eb="12">
      <t>サイ</t>
    </rPh>
    <rPh sb="15" eb="17">
      <t>ショゾク</t>
    </rPh>
    <rPh sb="17" eb="19">
      <t>カンリ</t>
    </rPh>
    <rPh sb="19" eb="22">
      <t>カントクシャ</t>
    </rPh>
    <rPh sb="25" eb="26">
      <t>ネン</t>
    </rPh>
    <rPh sb="27" eb="28">
      <t>カイ</t>
    </rPh>
    <rPh sb="29" eb="31">
      <t>メンダン</t>
    </rPh>
    <rPh sb="31" eb="32">
      <t>トウ</t>
    </rPh>
    <rPh sb="33" eb="34">
      <t>ツウ</t>
    </rPh>
    <rPh sb="37" eb="39">
      <t>トクセイ</t>
    </rPh>
    <rPh sb="40" eb="42">
      <t>ノウリョク</t>
    </rPh>
    <rPh sb="43" eb="45">
      <t>キボウ</t>
    </rPh>
    <rPh sb="45" eb="46">
      <t>トウ</t>
    </rPh>
    <rPh sb="47" eb="49">
      <t>カクニン</t>
    </rPh>
    <rPh sb="55" eb="57">
      <t>コウリョ</t>
    </rPh>
    <rPh sb="59" eb="60">
      <t>ウエ</t>
    </rPh>
    <rPh sb="61" eb="63">
      <t>ジンジ</t>
    </rPh>
    <rPh sb="63" eb="65">
      <t>イドウ</t>
    </rPh>
    <rPh sb="66" eb="68">
      <t>ジッシ</t>
    </rPh>
    <phoneticPr fontId="2"/>
  </si>
  <si>
    <t>障がい者の活躍推進に向けた取組等について、障がいのある職員やその上司、同僚、支援担当者等に対するアンケート、ヒアリング等を実施し、意見を取組に反映します。</t>
    <phoneticPr fontId="2"/>
  </si>
  <si>
    <t>所属の管理監督者による年３回の面談等を通じて、障がい者一人ひとりの障がい特性や能力、希望等を確認し、働きやすい職場環境の整備に向けて、合理的配慮の提供を行います。
また、療養休暇など服務関係の諸制度等を有効に活用できるよう、適切な助言等を行うとともに、必要に応じて作業マニュアルの作成等を行うなど、働きやすい職場環境の整備に向けて、合理的配慮の提供を行います。</t>
    <phoneticPr fontId="2"/>
  </si>
  <si>
    <t>各局及び障がいのある職員が５名以上いる所属に「障害者職業生活相談員」を配置します。相談員は、障がい理解を深め、障がいのある職員を適切に支援するため、「職場適応援助者養成研修」や「個別的なサポートを行う支援者を必要とする障害者を支援する者に対する研修」、「精神・発達障害者しごとサポーター養成講座」など、ハローワーク等が実施する研修を受講することとします。</t>
    <phoneticPr fontId="2"/>
  </si>
  <si>
    <t>・障がいのある職員を含む検討チームを設置し、令和2年度取組状況の報告を行うとともに、これに対する意見をいただき、取組に反映する予定
・アンケートについて、満足度を経年で継続して把握するため、10月実施し、結果を取組に反映する予定（今後毎年継続して実施する予定）</t>
    <rPh sb="1" eb="2">
      <t>ショウ</t>
    </rPh>
    <rPh sb="7" eb="9">
      <t>ショクイン</t>
    </rPh>
    <rPh sb="10" eb="11">
      <t>フク</t>
    </rPh>
    <rPh sb="12" eb="14">
      <t>ケントウ</t>
    </rPh>
    <rPh sb="18" eb="20">
      <t>セッチ</t>
    </rPh>
    <rPh sb="22" eb="24">
      <t>レイワ</t>
    </rPh>
    <rPh sb="25" eb="26">
      <t>ネン</t>
    </rPh>
    <rPh sb="26" eb="27">
      <t>ド</t>
    </rPh>
    <rPh sb="27" eb="29">
      <t>トリクミ</t>
    </rPh>
    <rPh sb="29" eb="31">
      <t>ジョウキョウ</t>
    </rPh>
    <rPh sb="32" eb="34">
      <t>ホウコク</t>
    </rPh>
    <rPh sb="35" eb="36">
      <t>オコナ</t>
    </rPh>
    <rPh sb="45" eb="46">
      <t>タイ</t>
    </rPh>
    <rPh sb="48" eb="50">
      <t>イケン</t>
    </rPh>
    <rPh sb="56" eb="58">
      <t>トリクミ</t>
    </rPh>
    <rPh sb="59" eb="61">
      <t>ハンエイ</t>
    </rPh>
    <rPh sb="63" eb="65">
      <t>ヨテイ</t>
    </rPh>
    <rPh sb="77" eb="80">
      <t>マンゾクド</t>
    </rPh>
    <rPh sb="81" eb="83">
      <t>ケイネン</t>
    </rPh>
    <rPh sb="84" eb="86">
      <t>ケイゾク</t>
    </rPh>
    <rPh sb="88" eb="90">
      <t>ハアク</t>
    </rPh>
    <rPh sb="97" eb="98">
      <t>ガツ</t>
    </rPh>
    <rPh sb="98" eb="100">
      <t>ジッシ</t>
    </rPh>
    <rPh sb="102" eb="104">
      <t>ケッカ</t>
    </rPh>
    <rPh sb="105" eb="107">
      <t>トリクミ</t>
    </rPh>
    <rPh sb="108" eb="110">
      <t>ハンエイ</t>
    </rPh>
    <rPh sb="112" eb="114">
      <t>ヨテイ</t>
    </rPh>
    <rPh sb="115" eb="117">
      <t>コンゴ</t>
    </rPh>
    <rPh sb="117" eb="119">
      <t>マイネン</t>
    </rPh>
    <rPh sb="119" eb="121">
      <t>ケイゾク</t>
    </rPh>
    <rPh sb="123" eb="125">
      <t>ジッシ</t>
    </rPh>
    <rPh sb="127" eb="129">
      <t>ヨテイ</t>
    </rPh>
    <phoneticPr fontId="2"/>
  </si>
  <si>
    <t>令和２年選考の募集案内に合理的配慮が可能な旨を記載し、申し出に応じて配慮を実施した</t>
    <rPh sb="0" eb="2">
      <t>レイワ</t>
    </rPh>
    <rPh sb="3" eb="4">
      <t>ネン</t>
    </rPh>
    <rPh sb="4" eb="6">
      <t>センコウ</t>
    </rPh>
    <rPh sb="7" eb="9">
      <t>ボシュウ</t>
    </rPh>
    <rPh sb="9" eb="11">
      <t>アンナイ</t>
    </rPh>
    <rPh sb="12" eb="15">
      <t>ゴウリテキ</t>
    </rPh>
    <rPh sb="15" eb="17">
      <t>ハイリョ</t>
    </rPh>
    <rPh sb="18" eb="20">
      <t>カノウ</t>
    </rPh>
    <rPh sb="21" eb="22">
      <t>ムネ</t>
    </rPh>
    <rPh sb="23" eb="25">
      <t>キサイ</t>
    </rPh>
    <rPh sb="27" eb="28">
      <t>モウ</t>
    </rPh>
    <rPh sb="29" eb="30">
      <t>デ</t>
    </rPh>
    <rPh sb="31" eb="32">
      <t>オウ</t>
    </rPh>
    <rPh sb="34" eb="36">
      <t>ハイリョ</t>
    </rPh>
    <rPh sb="37" eb="39">
      <t>ジッシ</t>
    </rPh>
    <phoneticPr fontId="2"/>
  </si>
  <si>
    <t>次年度も今年度と同様の取組を行う</t>
    <rPh sb="0" eb="3">
      <t>ジネンド</t>
    </rPh>
    <rPh sb="4" eb="7">
      <t>コンネンド</t>
    </rPh>
    <rPh sb="8" eb="10">
      <t>ドウヨウ</t>
    </rPh>
    <rPh sb="11" eb="13">
      <t>トリクミ</t>
    </rPh>
    <rPh sb="14" eb="15">
      <t>オコナ</t>
    </rPh>
    <phoneticPr fontId="2"/>
  </si>
  <si>
    <t>次年度も今年度と同様の取組を行い、経年での満足度の変化を確認した上で、取組に反映していく</t>
    <rPh sb="0" eb="3">
      <t>ジネンド</t>
    </rPh>
    <rPh sb="4" eb="7">
      <t>コンネンド</t>
    </rPh>
    <rPh sb="8" eb="10">
      <t>ドウヨウ</t>
    </rPh>
    <rPh sb="11" eb="13">
      <t>トリクミ</t>
    </rPh>
    <rPh sb="14" eb="15">
      <t>オコナ</t>
    </rPh>
    <rPh sb="17" eb="19">
      <t>ケイネン</t>
    </rPh>
    <rPh sb="21" eb="24">
      <t>マンゾクド</t>
    </rPh>
    <rPh sb="25" eb="27">
      <t>ヘンカ</t>
    </rPh>
    <rPh sb="28" eb="30">
      <t>カクニン</t>
    </rPh>
    <rPh sb="32" eb="33">
      <t>ウエ</t>
    </rPh>
    <rPh sb="35" eb="37">
      <t>トリクミ</t>
    </rPh>
    <rPh sb="38" eb="40">
      <t>ハンエイ</t>
    </rPh>
    <phoneticPr fontId="2"/>
  </si>
  <si>
    <t>障がい者活躍推進検討委員会からの意見を取組に着実に反映していく</t>
    <rPh sb="0" eb="1">
      <t>ショウ</t>
    </rPh>
    <rPh sb="3" eb="4">
      <t>シャ</t>
    </rPh>
    <rPh sb="4" eb="6">
      <t>カツヤク</t>
    </rPh>
    <rPh sb="6" eb="8">
      <t>スイシン</t>
    </rPh>
    <rPh sb="8" eb="10">
      <t>ケントウ</t>
    </rPh>
    <rPh sb="10" eb="13">
      <t>イインカイ</t>
    </rPh>
    <rPh sb="16" eb="18">
      <t>イケン</t>
    </rPh>
    <rPh sb="19" eb="21">
      <t>トリクミ</t>
    </rPh>
    <rPh sb="22" eb="24">
      <t>チャクジツ</t>
    </rPh>
    <rPh sb="25" eb="27">
      <t>ハンエイ</t>
    </rPh>
    <phoneticPr fontId="2"/>
  </si>
  <si>
    <t>周知方法について、職員向けホームページだけではなく、紙等で周知したり、管理監督者の面談時に周知を依頼するなど、検討する</t>
    <rPh sb="0" eb="2">
      <t>シュウチ</t>
    </rPh>
    <rPh sb="2" eb="4">
      <t>ホウホウ</t>
    </rPh>
    <rPh sb="9" eb="11">
      <t>ショクイン</t>
    </rPh>
    <rPh sb="11" eb="12">
      <t>ム</t>
    </rPh>
    <rPh sb="26" eb="27">
      <t>カミ</t>
    </rPh>
    <rPh sb="27" eb="28">
      <t>トウ</t>
    </rPh>
    <rPh sb="29" eb="31">
      <t>シュウチ</t>
    </rPh>
    <rPh sb="35" eb="37">
      <t>カンリ</t>
    </rPh>
    <rPh sb="37" eb="40">
      <t>カントクシャ</t>
    </rPh>
    <rPh sb="41" eb="43">
      <t>メンダン</t>
    </rPh>
    <rPh sb="43" eb="44">
      <t>ジ</t>
    </rPh>
    <rPh sb="45" eb="47">
      <t>シュウチ</t>
    </rPh>
    <rPh sb="48" eb="50">
      <t>イライ</t>
    </rPh>
    <rPh sb="55" eb="57">
      <t>ケントウ</t>
    </rPh>
    <phoneticPr fontId="2"/>
  </si>
  <si>
    <t>新型コロナウイルス感染症拡大防止の観点から、開催方法を工夫して実施する</t>
    <rPh sb="0" eb="2">
      <t>シンガタ</t>
    </rPh>
    <rPh sb="9" eb="12">
      <t>カンセンショウ</t>
    </rPh>
    <rPh sb="12" eb="14">
      <t>カクダイ</t>
    </rPh>
    <rPh sb="14" eb="16">
      <t>ボウシ</t>
    </rPh>
    <rPh sb="17" eb="19">
      <t>カンテン</t>
    </rPh>
    <rPh sb="22" eb="24">
      <t>カイサイ</t>
    </rPh>
    <rPh sb="24" eb="26">
      <t>ホウホウ</t>
    </rPh>
    <rPh sb="27" eb="29">
      <t>クフウ</t>
    </rPh>
    <rPh sb="31" eb="33">
      <t>ジッシ</t>
    </rPh>
    <phoneticPr fontId="2"/>
  </si>
  <si>
    <t>周知方法について、職員向けホームページだけではなく、掲示板で繰り返し周知するなど、検討する</t>
    <rPh sb="0" eb="2">
      <t>シュウチ</t>
    </rPh>
    <rPh sb="2" eb="4">
      <t>ホウホウ</t>
    </rPh>
    <rPh sb="9" eb="11">
      <t>ショクイン</t>
    </rPh>
    <rPh sb="11" eb="12">
      <t>ム</t>
    </rPh>
    <rPh sb="26" eb="29">
      <t>ケイジバン</t>
    </rPh>
    <rPh sb="30" eb="31">
      <t>ク</t>
    </rPh>
    <rPh sb="32" eb="33">
      <t>カエ</t>
    </rPh>
    <rPh sb="34" eb="36">
      <t>シュウチ</t>
    </rPh>
    <rPh sb="41" eb="43">
      <t>ケントウ</t>
    </rPh>
    <phoneticPr fontId="2"/>
  </si>
  <si>
    <t>新型コロナウイルス感染症拡大防止の観点から、実施可能かどうかを検討する</t>
    <rPh sb="22" eb="24">
      <t>ジッシ</t>
    </rPh>
    <rPh sb="24" eb="26">
      <t>カノウ</t>
    </rPh>
    <rPh sb="31" eb="33">
      <t>ケントウ</t>
    </rPh>
    <phoneticPr fontId="2"/>
  </si>
  <si>
    <t>アンケート内容を分析し、関係所属と調整し、順次改善を検討していく</t>
    <rPh sb="5" eb="7">
      <t>ナイヨウ</t>
    </rPh>
    <rPh sb="8" eb="10">
      <t>ブンセキ</t>
    </rPh>
    <rPh sb="12" eb="14">
      <t>カンケイ</t>
    </rPh>
    <rPh sb="14" eb="16">
      <t>ショゾク</t>
    </rPh>
    <rPh sb="17" eb="19">
      <t>チョウセイ</t>
    </rPh>
    <rPh sb="21" eb="23">
      <t>ジュンジ</t>
    </rPh>
    <rPh sb="23" eb="25">
      <t>カイゼン</t>
    </rPh>
    <rPh sb="26" eb="28">
      <t>ケントウ</t>
    </rPh>
    <phoneticPr fontId="2"/>
  </si>
  <si>
    <t>新型コロナウイルス感染拡大防止のため、令和２年度は中止</t>
    <rPh sb="0" eb="2">
      <t>シンガタ</t>
    </rPh>
    <rPh sb="9" eb="11">
      <t>カンセン</t>
    </rPh>
    <rPh sb="11" eb="13">
      <t>カクダイ</t>
    </rPh>
    <rPh sb="13" eb="15">
      <t>ボウシ</t>
    </rPh>
    <rPh sb="19" eb="21">
      <t>レイワ</t>
    </rPh>
    <rPh sb="22" eb="23">
      <t>ネン</t>
    </rPh>
    <rPh sb="23" eb="24">
      <t>ド</t>
    </rPh>
    <rPh sb="25" eb="27">
      <t>チュウシ</t>
    </rPh>
    <phoneticPr fontId="2"/>
  </si>
  <si>
    <t>【知事部局】
「精神・発達障害者しごとサポーター養成講座（e-ラーニング版。厚生労働省）」を職員向けホームページに掲載し、周知した
【企業庁】
「精神・発達障害者しごとサポーター養成講座（e-ラーニング版。厚生労働省）」へのリンクを職員向けイントラページに掲載した
【議会局】
「精神・発達障害者しごとサポーター養成講座（e-ラーニング版。厚生労働省）」へのリンクを職員に庁内メールにて周知した</t>
    <rPh sb="1" eb="3">
      <t>チジ</t>
    </rPh>
    <rPh sb="3" eb="5">
      <t>ブキョク</t>
    </rPh>
    <rPh sb="8" eb="10">
      <t>セイシン</t>
    </rPh>
    <rPh sb="11" eb="13">
      <t>ハッタツ</t>
    </rPh>
    <rPh sb="13" eb="16">
      <t>ショウガイシャ</t>
    </rPh>
    <rPh sb="24" eb="26">
      <t>ヨウセイ</t>
    </rPh>
    <rPh sb="26" eb="28">
      <t>コウザ</t>
    </rPh>
    <rPh sb="36" eb="37">
      <t>バン</t>
    </rPh>
    <rPh sb="38" eb="40">
      <t>コウセイ</t>
    </rPh>
    <rPh sb="40" eb="43">
      <t>ロウドウショウ</t>
    </rPh>
    <rPh sb="46" eb="48">
      <t>ショクイン</t>
    </rPh>
    <rPh sb="48" eb="49">
      <t>ム</t>
    </rPh>
    <rPh sb="57" eb="59">
      <t>ケイサイ</t>
    </rPh>
    <rPh sb="61" eb="63">
      <t>シュウチ</t>
    </rPh>
    <rPh sb="67" eb="70">
      <t>キギョウチョウ</t>
    </rPh>
    <rPh sb="134" eb="136">
      <t>ギカイ</t>
    </rPh>
    <rPh sb="136" eb="137">
      <t>キョク</t>
    </rPh>
    <phoneticPr fontId="2"/>
  </si>
  <si>
    <t>県のホームページに職員採用に関する募集案内等を掲載する際には、ウェブアクセシビリティ の確保を図ります。
また、入庁後に従事する職務の具体例を示すなど応募者が働くイメージを持ちやすいよう工夫するとともに、障がい者団体を通じた周知を行うなど、障がい者が必要な情報を得られるよう対応します。</t>
    <phoneticPr fontId="2"/>
  </si>
  <si>
    <t>【知事部局】
職員向けホームページに掲載
【企業庁】
職員向けイントラページに掲載した
【議会局】
所属長を通じて個別に周知を図った</t>
    <rPh sb="1" eb="3">
      <t>チジ</t>
    </rPh>
    <rPh sb="3" eb="5">
      <t>ブキョク</t>
    </rPh>
    <rPh sb="7" eb="9">
      <t>ショクイン</t>
    </rPh>
    <rPh sb="9" eb="10">
      <t>ム</t>
    </rPh>
    <rPh sb="18" eb="20">
      <t>ケイサイ</t>
    </rPh>
    <rPh sb="22" eb="25">
      <t>キギョウチョウ</t>
    </rPh>
    <phoneticPr fontId="2"/>
  </si>
  <si>
    <t>【知事部局】
総務局組織人材部人事課長を障害者雇用推進者として選任した
【企業庁】
企業庁企業局総務室管理担当課長を障害者雇用推進者として選任した
【議会局】
議会局総務課管理担当課長を障害者雇用推進者として選任した</t>
    <rPh sb="1" eb="3">
      <t>チジ</t>
    </rPh>
    <rPh sb="3" eb="5">
      <t>ブキョク</t>
    </rPh>
    <rPh sb="7" eb="9">
      <t>ソウム</t>
    </rPh>
    <rPh sb="9" eb="10">
      <t>キョク</t>
    </rPh>
    <rPh sb="10" eb="12">
      <t>ソシキ</t>
    </rPh>
    <rPh sb="12" eb="14">
      <t>ジンザイ</t>
    </rPh>
    <rPh sb="14" eb="15">
      <t>ブ</t>
    </rPh>
    <rPh sb="15" eb="18">
      <t>ジンジカ</t>
    </rPh>
    <rPh sb="18" eb="19">
      <t>チョウ</t>
    </rPh>
    <rPh sb="20" eb="23">
      <t>ショウガイシャ</t>
    </rPh>
    <rPh sb="23" eb="25">
      <t>コヨウ</t>
    </rPh>
    <rPh sb="25" eb="27">
      <t>スイシン</t>
    </rPh>
    <rPh sb="27" eb="28">
      <t>シャ</t>
    </rPh>
    <rPh sb="31" eb="33">
      <t>センニン</t>
    </rPh>
    <rPh sb="37" eb="40">
      <t>キギョウチョウ</t>
    </rPh>
    <phoneticPr fontId="2"/>
  </si>
  <si>
    <t>・新採用職員研修において、障がい理解に係る内容を盛り込んだ講義を実施した
・新型コロナウイルスの影響により、新任管理職職員研修は中止とした
・選択研修について、上半期は中止した（下半期は２回実施予定）</t>
    <phoneticPr fontId="2"/>
  </si>
  <si>
    <t>・人権男女主任者研修会について、本年度は新型コロナウイルス感染症拡大防止のため書面にて開催した（令和２年10月全庁周知）。当該研修会の中で「障がいの理解」研修を実施した</t>
    <rPh sb="1" eb="3">
      <t>ジンケン</t>
    </rPh>
    <rPh sb="3" eb="5">
      <t>ダンジョ</t>
    </rPh>
    <rPh sb="5" eb="8">
      <t>シュニンシャ</t>
    </rPh>
    <rPh sb="8" eb="10">
      <t>ケンシュウ</t>
    </rPh>
    <rPh sb="10" eb="11">
      <t>カイ</t>
    </rPh>
    <rPh sb="16" eb="19">
      <t>ホンネンド</t>
    </rPh>
    <rPh sb="20" eb="22">
      <t>シンガタ</t>
    </rPh>
    <rPh sb="29" eb="31">
      <t>カンセン</t>
    </rPh>
    <rPh sb="31" eb="32">
      <t>ショウ</t>
    </rPh>
    <rPh sb="32" eb="34">
      <t>カクダイ</t>
    </rPh>
    <rPh sb="34" eb="36">
      <t>ボウシ</t>
    </rPh>
    <rPh sb="39" eb="41">
      <t>ショメン</t>
    </rPh>
    <rPh sb="43" eb="45">
      <t>カイサイ</t>
    </rPh>
    <rPh sb="48" eb="50">
      <t>レイワ</t>
    </rPh>
    <rPh sb="51" eb="52">
      <t>ネン</t>
    </rPh>
    <rPh sb="54" eb="55">
      <t>ガツ</t>
    </rPh>
    <rPh sb="55" eb="57">
      <t>ゼンチョウ</t>
    </rPh>
    <rPh sb="57" eb="59">
      <t>シュウチ</t>
    </rPh>
    <rPh sb="61" eb="63">
      <t>トウガイ</t>
    </rPh>
    <rPh sb="63" eb="65">
      <t>ケンシュウ</t>
    </rPh>
    <rPh sb="65" eb="66">
      <t>カイ</t>
    </rPh>
    <rPh sb="67" eb="68">
      <t>ナカ</t>
    </rPh>
    <rPh sb="70" eb="71">
      <t>ショウ</t>
    </rPh>
    <rPh sb="74" eb="76">
      <t>リカイ</t>
    </rPh>
    <rPh sb="77" eb="79">
      <t>ケンシュウ</t>
    </rPh>
    <rPh sb="80" eb="82">
      <t>ジッシ</t>
    </rPh>
    <phoneticPr fontId="2"/>
  </si>
  <si>
    <t>【知事部局】
令和２年度は、次の対応等を行った
[視覚障がい者向け]
・研修シラバスの点字資料作成　
　※給与明細を点字作成している方のうち常勤職員に送付　
・専門職職員研修（実施要領別添）の点字資料作成
　 ※研修申込時に配慮事項として希望のあった職員に作成
　なお、研修受講のあった職員には、年明けに送付する「受講状況確認票」及びその手引きも点字化している
また、令和２年度多くの研修が中止になったたため実施していないものの、令和元年度は上記の対応に加え次の対応も行った
[聴覚障がい者向け]
・手話通訳者、要約筆記者の派遣　
【企業庁】
令和２年度はアンケートの実施により、ニーズ等について把握することに努める
【議会局】
令和２年度については配慮すべき事項なし。今後は個別にニーズを把握し対応していく</t>
    <rPh sb="1" eb="3">
      <t>チジ</t>
    </rPh>
    <rPh sb="3" eb="5">
      <t>ブキョク</t>
    </rPh>
    <rPh sb="7" eb="9">
      <t>レイワ</t>
    </rPh>
    <rPh sb="10" eb="11">
      <t>ネン</t>
    </rPh>
    <rPh sb="11" eb="12">
      <t>ド</t>
    </rPh>
    <rPh sb="14" eb="15">
      <t>ツギ</t>
    </rPh>
    <rPh sb="16" eb="18">
      <t>タイオウ</t>
    </rPh>
    <rPh sb="18" eb="19">
      <t>トウ</t>
    </rPh>
    <rPh sb="20" eb="21">
      <t>オコナ</t>
    </rPh>
    <rPh sb="184" eb="186">
      <t>レイワ</t>
    </rPh>
    <rPh sb="187" eb="188">
      <t>ネン</t>
    </rPh>
    <rPh sb="188" eb="189">
      <t>ド</t>
    </rPh>
    <rPh sb="189" eb="190">
      <t>オオ</t>
    </rPh>
    <rPh sb="192" eb="194">
      <t>ケンシュウ</t>
    </rPh>
    <rPh sb="195" eb="197">
      <t>チュウシ</t>
    </rPh>
    <rPh sb="204" eb="206">
      <t>ジッシ</t>
    </rPh>
    <rPh sb="215" eb="217">
      <t>レイワ</t>
    </rPh>
    <rPh sb="217" eb="218">
      <t>ガン</t>
    </rPh>
    <rPh sb="218" eb="219">
      <t>ネン</t>
    </rPh>
    <rPh sb="219" eb="220">
      <t>ド</t>
    </rPh>
    <rPh sb="221" eb="223">
      <t>ジョウキ</t>
    </rPh>
    <rPh sb="224" eb="226">
      <t>タイオウ</t>
    </rPh>
    <rPh sb="227" eb="228">
      <t>クワ</t>
    </rPh>
    <rPh sb="229" eb="230">
      <t>ツギ</t>
    </rPh>
    <rPh sb="231" eb="233">
      <t>タイオウ</t>
    </rPh>
    <rPh sb="234" eb="235">
      <t>オコナ</t>
    </rPh>
    <rPh sb="267" eb="269">
      <t>キギョウ</t>
    </rPh>
    <rPh sb="269" eb="270">
      <t>チョウ</t>
    </rPh>
    <phoneticPr fontId="2"/>
  </si>
  <si>
    <t>障害がある人を対象とした選考等について、県内居住を要件としているが、国や他自治体の動向等も踏まえ、できる限り多くの方に受験いただけるよう当該要件を廃止する</t>
    <rPh sb="0" eb="2">
      <t>ショウガイ</t>
    </rPh>
    <rPh sb="5" eb="6">
      <t>ヒト</t>
    </rPh>
    <rPh sb="7" eb="9">
      <t>タイショウ</t>
    </rPh>
    <rPh sb="12" eb="14">
      <t>センコウ</t>
    </rPh>
    <rPh sb="14" eb="15">
      <t>トウ</t>
    </rPh>
    <rPh sb="20" eb="21">
      <t>ケン</t>
    </rPh>
    <rPh sb="21" eb="22">
      <t>ナイ</t>
    </rPh>
    <rPh sb="22" eb="24">
      <t>キョジュウ</t>
    </rPh>
    <rPh sb="25" eb="27">
      <t>ヨウケン</t>
    </rPh>
    <rPh sb="52" eb="53">
      <t>カギ</t>
    </rPh>
    <rPh sb="54" eb="55">
      <t>オオ</t>
    </rPh>
    <rPh sb="57" eb="58">
      <t>カタ</t>
    </rPh>
    <rPh sb="59" eb="61">
      <t>ジュケン</t>
    </rPh>
    <rPh sb="68" eb="70">
      <t>トウガイ</t>
    </rPh>
    <rPh sb="70" eb="72">
      <t>ヨウケン</t>
    </rPh>
    <rPh sb="73" eb="75">
      <t>ハイシ</t>
    </rPh>
    <phoneticPr fontId="2"/>
  </si>
  <si>
    <t>・人事評価に関する対話面接年3回実施することとしており、今年度はそれぞれ6月・10月・3月に行うよう所属へ周知し、順次面接を実施中</t>
    <phoneticPr fontId="2"/>
  </si>
  <si>
    <t>取組実績</t>
    <phoneticPr fontId="2"/>
  </si>
  <si>
    <t>令和２年度神奈川県知事部局・企業庁・議会局における障がい者活躍推進計画取組一覧</t>
    <phoneticPr fontId="2"/>
  </si>
  <si>
    <t>人事評価に関する対話面接を年3回実施することとしており、今年度はそれぞれ6月・10月・3月に行うよう所属へ周知し、順次面接を実施</t>
    <rPh sb="0" eb="2">
      <t>ジンジ</t>
    </rPh>
    <rPh sb="2" eb="4">
      <t>ヒョウカ</t>
    </rPh>
    <rPh sb="5" eb="6">
      <t>カン</t>
    </rPh>
    <rPh sb="8" eb="10">
      <t>タイワ</t>
    </rPh>
    <rPh sb="10" eb="12">
      <t>メンセツ</t>
    </rPh>
    <rPh sb="13" eb="14">
      <t>ネン</t>
    </rPh>
    <rPh sb="15" eb="16">
      <t>カイ</t>
    </rPh>
    <rPh sb="16" eb="18">
      <t>ジッシ</t>
    </rPh>
    <rPh sb="28" eb="31">
      <t>コンネンド</t>
    </rPh>
    <rPh sb="37" eb="38">
      <t>ガツ</t>
    </rPh>
    <rPh sb="41" eb="42">
      <t>ガツ</t>
    </rPh>
    <rPh sb="44" eb="45">
      <t>ガツ</t>
    </rPh>
    <rPh sb="46" eb="47">
      <t>オコナ</t>
    </rPh>
    <rPh sb="50" eb="52">
      <t>ショゾク</t>
    </rPh>
    <rPh sb="53" eb="55">
      <t>シュウチ</t>
    </rPh>
    <rPh sb="57" eb="59">
      <t>ジュンジ</t>
    </rPh>
    <rPh sb="59" eb="61">
      <t>メンセツ</t>
    </rPh>
    <rPh sb="62" eb="64">
      <t>ジッシ</t>
    </rPh>
    <phoneticPr fontId="2"/>
  </si>
  <si>
    <t>令和３年２月に実施</t>
    <rPh sb="0" eb="2">
      <t>レイワ</t>
    </rPh>
    <rPh sb="3" eb="4">
      <t>ネン</t>
    </rPh>
    <rPh sb="5" eb="6">
      <t>ガツ</t>
    </rPh>
    <rPh sb="7" eb="9">
      <t>ジッシ</t>
    </rPh>
    <phoneticPr fontId="2"/>
  </si>
  <si>
    <t>・優先調達推進法に基づく障がい者就労施設等への発注
　令和元年度調達目標額（随意契約）　180,000千円（全任命）
　　　　　　　　　　　 実績額（随意契約）  195,998千円（全任命）
　令和２年度調達目標額（随意契約）　 180,000千円（全任命）
・かながわ障害者雇用優良企業に認証されている企業等に対する競争入札参加資格の等級格付の際の加点等の取組</t>
    <rPh sb="29" eb="30">
      <t>ガン</t>
    </rPh>
    <rPh sb="54" eb="55">
      <t>ゼン</t>
    </rPh>
    <rPh sb="55" eb="57">
      <t>ニンメイ</t>
    </rPh>
    <rPh sb="71" eb="73">
      <t>ジッセキ</t>
    </rPh>
    <rPh sb="73" eb="74">
      <t>ガク</t>
    </rPh>
    <rPh sb="89" eb="90">
      <t>セン</t>
    </rPh>
    <rPh sb="90" eb="91">
      <t>エン</t>
    </rPh>
    <phoneticPr fontId="2"/>
  </si>
  <si>
    <t>【知事部局】
令和元年12月及び令和２年9月に、年次休暇の取得促進に配慮するよう各所属宛通知を発出し、推進した
【企業庁】
・一般職員と同様に、令和２年１月及び９月に年次休暇の取得促進に配慮するよう各所属長あてに通知を発出
・令和２年８月に策定した令和２年度「企業局働き方改革取組方針」の中で５日間以上の年休取得の徹底を掲げた
【議会局】
令和２年10月に、年次休暇の取得促進に配慮するよう各所属に依頼している</t>
    <rPh sb="1" eb="3">
      <t>チジ</t>
    </rPh>
    <rPh sb="3" eb="5">
      <t>ブキョク</t>
    </rPh>
    <rPh sb="7" eb="9">
      <t>レイワ</t>
    </rPh>
    <rPh sb="9" eb="11">
      <t>ガンネン</t>
    </rPh>
    <rPh sb="13" eb="14">
      <t>ガツ</t>
    </rPh>
    <rPh sb="14" eb="15">
      <t>オヨ</t>
    </rPh>
    <rPh sb="16" eb="18">
      <t>レイワ</t>
    </rPh>
    <rPh sb="19" eb="20">
      <t>ネン</t>
    </rPh>
    <rPh sb="21" eb="22">
      <t>ガツ</t>
    </rPh>
    <rPh sb="24" eb="26">
      <t>ネンジ</t>
    </rPh>
    <rPh sb="26" eb="28">
      <t>キュウカ</t>
    </rPh>
    <rPh sb="29" eb="31">
      <t>シュトク</t>
    </rPh>
    <rPh sb="31" eb="33">
      <t>ソクシン</t>
    </rPh>
    <rPh sb="34" eb="36">
      <t>ハイリョ</t>
    </rPh>
    <rPh sb="40" eb="43">
      <t>カクショゾク</t>
    </rPh>
    <rPh sb="43" eb="44">
      <t>アテ</t>
    </rPh>
    <rPh sb="44" eb="46">
      <t>ツウチ</t>
    </rPh>
    <rPh sb="47" eb="49">
      <t>ハッシュツ</t>
    </rPh>
    <rPh sb="51" eb="53">
      <t>スイシン</t>
    </rPh>
    <rPh sb="57" eb="60">
      <t>キギョウチョウ</t>
    </rPh>
    <phoneticPr fontId="2"/>
  </si>
  <si>
    <t>【知事部局】
令和２年８月に服務規程を改正し、在宅勤務の実施場所の拡大や、拡大時差出勤の承認手続きの見直しを行うなど、多様で柔軟な働き方を推進した
【企業庁】
・令和２年８月に神奈川県企業庁職員服務規程及び同運用通知を改正し、在宅勤務の実施場所の拡大や、拡大時差出勤の承認手続きの見直しを行うなど、一般職員と同様に、多様で柔軟な働き方を推進している
・令和２年８月に策定した令和２年度「企業局働き方改革取組方針」の中で、テレワーク等の積極的な活用を掲げた
【議会局】
令和２年10月に、年次休暇の取得促進に配慮するよう各所属に依頼している</t>
    <rPh sb="1" eb="3">
      <t>チジ</t>
    </rPh>
    <rPh sb="3" eb="5">
      <t>ブキョク</t>
    </rPh>
    <rPh sb="7" eb="9">
      <t>レイワ</t>
    </rPh>
    <rPh sb="10" eb="11">
      <t>ネン</t>
    </rPh>
    <rPh sb="12" eb="13">
      <t>ガツ</t>
    </rPh>
    <rPh sb="14" eb="16">
      <t>フクム</t>
    </rPh>
    <rPh sb="16" eb="18">
      <t>キテイ</t>
    </rPh>
    <rPh sb="19" eb="21">
      <t>カイセイ</t>
    </rPh>
    <rPh sb="23" eb="25">
      <t>ザイタク</t>
    </rPh>
    <rPh sb="25" eb="27">
      <t>キンム</t>
    </rPh>
    <rPh sb="28" eb="30">
      <t>ジッシ</t>
    </rPh>
    <rPh sb="30" eb="32">
      <t>バショ</t>
    </rPh>
    <rPh sb="33" eb="35">
      <t>カクダイ</t>
    </rPh>
    <rPh sb="37" eb="39">
      <t>カクダイ</t>
    </rPh>
    <rPh sb="39" eb="41">
      <t>ジサ</t>
    </rPh>
    <rPh sb="41" eb="43">
      <t>シュッキン</t>
    </rPh>
    <rPh sb="44" eb="46">
      <t>ショウニン</t>
    </rPh>
    <rPh sb="46" eb="48">
      <t>テツヅ</t>
    </rPh>
    <rPh sb="50" eb="52">
      <t>ミナオ</t>
    </rPh>
    <rPh sb="54" eb="55">
      <t>オコナ</t>
    </rPh>
    <rPh sb="59" eb="61">
      <t>タヨウ</t>
    </rPh>
    <rPh sb="62" eb="64">
      <t>ジュウナン</t>
    </rPh>
    <rPh sb="65" eb="66">
      <t>ハタラ</t>
    </rPh>
    <rPh sb="67" eb="68">
      <t>カタ</t>
    </rPh>
    <rPh sb="69" eb="71">
      <t>スイシン</t>
    </rPh>
    <rPh sb="75" eb="78">
      <t>キギョウチョウ</t>
    </rPh>
    <phoneticPr fontId="2"/>
  </si>
  <si>
    <t>・上半期は新型コロナウイルスの影響により、職員キャリア開発支援センターの研修は、実施できなかった
・下半期は新型コロナウイルス拡大防止の観点から、職員キャリア開発支援センターの研修については、限定的に実施。また、各局主体の専門研修等については、リモートで実施、若しくは休止等各局で判断し、対応</t>
    <rPh sb="21" eb="23">
      <t>ショクイン</t>
    </rPh>
    <rPh sb="27" eb="29">
      <t>カイハツ</t>
    </rPh>
    <rPh sb="29" eb="31">
      <t>シエン</t>
    </rPh>
    <rPh sb="36" eb="38">
      <t>ケンシュウ</t>
    </rPh>
    <rPh sb="40" eb="42">
      <t>ジッシ</t>
    </rPh>
    <rPh sb="50" eb="53">
      <t>シモハンキ</t>
    </rPh>
    <rPh sb="54" eb="56">
      <t>シンガタ</t>
    </rPh>
    <rPh sb="63" eb="65">
      <t>カクダイ</t>
    </rPh>
    <rPh sb="65" eb="67">
      <t>ボウシ</t>
    </rPh>
    <rPh sb="68" eb="70">
      <t>カンテン</t>
    </rPh>
    <rPh sb="73" eb="75">
      <t>ショクイン</t>
    </rPh>
    <rPh sb="79" eb="81">
      <t>カイハツ</t>
    </rPh>
    <rPh sb="81" eb="83">
      <t>シエン</t>
    </rPh>
    <rPh sb="88" eb="90">
      <t>ケンシュウ</t>
    </rPh>
    <rPh sb="96" eb="99">
      <t>ゲンテイテキ</t>
    </rPh>
    <rPh sb="100" eb="102">
      <t>ジッシ</t>
    </rPh>
    <rPh sb="106" eb="108">
      <t>カクキョク</t>
    </rPh>
    <rPh sb="108" eb="110">
      <t>シュタイ</t>
    </rPh>
    <rPh sb="111" eb="113">
      <t>センモン</t>
    </rPh>
    <rPh sb="113" eb="115">
      <t>ケンシュウ</t>
    </rPh>
    <rPh sb="115" eb="116">
      <t>トウ</t>
    </rPh>
    <rPh sb="127" eb="129">
      <t>ジッシ</t>
    </rPh>
    <rPh sb="130" eb="131">
      <t>モ</t>
    </rPh>
    <rPh sb="134" eb="136">
      <t>キュウシ</t>
    </rPh>
    <rPh sb="136" eb="137">
      <t>トウ</t>
    </rPh>
    <rPh sb="137" eb="139">
      <t>カクキョク</t>
    </rPh>
    <rPh sb="140" eb="142">
      <t>ハンダン</t>
    </rPh>
    <rPh sb="144" eb="146">
      <t>タイオウ</t>
    </rPh>
    <phoneticPr fontId="2"/>
  </si>
  <si>
    <t>・ウェブアクセシビリティの確保について、職員採用に関する募集案内等を掲載する際には、ウェブアクセシビリティを確保するため、PDFファイルの他、音声読み上げに対応したWordファイル等を添付した
・応募者が働くイメージを持ちやすいよう、障がいのある職員にヒアリングを行い、人事課ホームページ内に障がいがある職員の活躍事例を掲載
・職員採用に関する募集案内について、障がい者団体が閲覧可能なホームページ（掲示板）へ掲載</t>
    <rPh sb="13" eb="15">
      <t>カクホ</t>
    </rPh>
    <rPh sb="20" eb="22">
      <t>ショクイン</t>
    </rPh>
    <rPh sb="22" eb="24">
      <t>サイヨウ</t>
    </rPh>
    <rPh sb="25" eb="26">
      <t>カン</t>
    </rPh>
    <rPh sb="28" eb="30">
      <t>ボシュウ</t>
    </rPh>
    <rPh sb="30" eb="32">
      <t>アンナイ</t>
    </rPh>
    <rPh sb="32" eb="33">
      <t>トウ</t>
    </rPh>
    <rPh sb="34" eb="36">
      <t>ケイサイ</t>
    </rPh>
    <rPh sb="38" eb="39">
      <t>サイ</t>
    </rPh>
    <rPh sb="54" eb="56">
      <t>カクホ</t>
    </rPh>
    <rPh sb="69" eb="70">
      <t>ホカ</t>
    </rPh>
    <rPh sb="71" eb="73">
      <t>オンセイ</t>
    </rPh>
    <rPh sb="73" eb="74">
      <t>ヨ</t>
    </rPh>
    <rPh sb="75" eb="76">
      <t>ア</t>
    </rPh>
    <rPh sb="78" eb="80">
      <t>タイオウ</t>
    </rPh>
    <rPh sb="90" eb="91">
      <t>トウ</t>
    </rPh>
    <rPh sb="92" eb="94">
      <t>テンプ</t>
    </rPh>
    <rPh sb="98" eb="101">
      <t>オウボシャ</t>
    </rPh>
    <rPh sb="102" eb="103">
      <t>ハタラ</t>
    </rPh>
    <rPh sb="109" eb="110">
      <t>モ</t>
    </rPh>
    <rPh sb="135" eb="138">
      <t>ジンジカ</t>
    </rPh>
    <rPh sb="144" eb="145">
      <t>ナイ</t>
    </rPh>
    <rPh sb="146" eb="147">
      <t>ショウ</t>
    </rPh>
    <rPh sb="152" eb="154">
      <t>ショクイン</t>
    </rPh>
    <rPh sb="155" eb="157">
      <t>カツヤク</t>
    </rPh>
    <rPh sb="157" eb="159">
      <t>ジレイ</t>
    </rPh>
    <rPh sb="160" eb="162">
      <t>ケイサイ</t>
    </rPh>
    <rPh sb="164" eb="166">
      <t>ショクイン</t>
    </rPh>
    <rPh sb="166" eb="168">
      <t>サイヨウ</t>
    </rPh>
    <rPh sb="169" eb="170">
      <t>カン</t>
    </rPh>
    <rPh sb="172" eb="174">
      <t>ボシュウ</t>
    </rPh>
    <rPh sb="174" eb="176">
      <t>アンナイ</t>
    </rPh>
    <rPh sb="185" eb="187">
      <t>ダンタイ</t>
    </rPh>
    <rPh sb="188" eb="190">
      <t>エツラン</t>
    </rPh>
    <rPh sb="190" eb="192">
      <t>カノウ</t>
    </rPh>
    <rPh sb="205" eb="207">
      <t>ケイサイ</t>
    </rPh>
    <phoneticPr fontId="2"/>
  </si>
  <si>
    <t>【知事部局】
・庁内相談窓口を人事課に設置し、職員向けホームページに掲載
【企業庁】
・庁内相談窓口を総務室に設置し、職員向けイントラページに掲載した
【議会局】
所属長を通じて個別に周知を図った</t>
    <rPh sb="1" eb="3">
      <t>チジ</t>
    </rPh>
    <rPh sb="3" eb="5">
      <t>ブキョク</t>
    </rPh>
    <rPh sb="8" eb="10">
      <t>チョウナイ</t>
    </rPh>
    <rPh sb="10" eb="12">
      <t>ソウダン</t>
    </rPh>
    <rPh sb="12" eb="14">
      <t>マドグチ</t>
    </rPh>
    <rPh sb="15" eb="18">
      <t>ジンジカ</t>
    </rPh>
    <rPh sb="19" eb="21">
      <t>セッチ</t>
    </rPh>
    <rPh sb="23" eb="25">
      <t>ショクイン</t>
    </rPh>
    <rPh sb="34" eb="36">
      <t>ケイサイ</t>
    </rPh>
    <rPh sb="38" eb="40">
      <t>キギョウ</t>
    </rPh>
    <rPh sb="40" eb="41">
      <t>チョウ</t>
    </rPh>
    <phoneticPr fontId="2"/>
  </si>
  <si>
    <t>障がい者雇用率</t>
    <rPh sb="0" eb="1">
      <t>ショウ</t>
    </rPh>
    <rPh sb="3" eb="4">
      <t>シャ</t>
    </rPh>
    <rPh sb="4" eb="6">
      <t>コヨウ</t>
    </rPh>
    <rPh sb="6" eb="7">
      <t>リツ</t>
    </rPh>
    <phoneticPr fontId="2"/>
  </si>
  <si>
    <t>目標</t>
    <rPh sb="0" eb="2">
      <t>モクヒョウ</t>
    </rPh>
    <phoneticPr fontId="2"/>
  </si>
  <si>
    <t>【知事部局・企業庁・議会局】3.0％
（令和６年６月１日時点）</t>
    <rPh sb="1" eb="3">
      <t>チジ</t>
    </rPh>
    <rPh sb="3" eb="5">
      <t>ブキョク</t>
    </rPh>
    <rPh sb="6" eb="9">
      <t>キギョウチョウ</t>
    </rPh>
    <rPh sb="10" eb="12">
      <t>ギカイ</t>
    </rPh>
    <rPh sb="12" eb="13">
      <t>キョク</t>
    </rPh>
    <rPh sb="20" eb="22">
      <t>レイワ</t>
    </rPh>
    <rPh sb="23" eb="24">
      <t>ネン</t>
    </rPh>
    <rPh sb="25" eb="26">
      <t>ガツ</t>
    </rPh>
    <rPh sb="27" eb="28">
      <t>ニチ</t>
    </rPh>
    <rPh sb="28" eb="30">
      <t>ジテン</t>
    </rPh>
    <phoneticPr fontId="2"/>
  </si>
  <si>
    <t>項目</t>
    <rPh sb="0" eb="2">
      <t>コウモク</t>
    </rPh>
    <phoneticPr fontId="2"/>
  </si>
  <si>
    <t>〔数値目標〕</t>
    <rPh sb="1" eb="3">
      <t>スウチ</t>
    </rPh>
    <rPh sb="3" eb="5">
      <t>モクヒョウ</t>
    </rPh>
    <phoneticPr fontId="2"/>
  </si>
  <si>
    <t>〔取組内容〕</t>
    <rPh sb="1" eb="3">
      <t>トリクミ</t>
    </rPh>
    <rPh sb="3" eb="5">
      <t>ナイヨウ</t>
    </rPh>
    <phoneticPr fontId="2"/>
  </si>
  <si>
    <t>実績</t>
    <phoneticPr fontId="2"/>
  </si>
  <si>
    <t>今後の方針</t>
    <rPh sb="0" eb="2">
      <t>コンゴ</t>
    </rPh>
    <rPh sb="3" eb="5">
      <t>ホウシン</t>
    </rPh>
    <phoneticPr fontId="2"/>
  </si>
  <si>
    <t>目標に向けて積極的に採用を行う</t>
    <rPh sb="0" eb="2">
      <t>モクヒョウ</t>
    </rPh>
    <rPh sb="3" eb="4">
      <t>ム</t>
    </rPh>
    <rPh sb="6" eb="9">
      <t>セッキョクテキ</t>
    </rPh>
    <rPh sb="10" eb="12">
      <t>サイヨウ</t>
    </rPh>
    <rPh sb="13" eb="14">
      <t>オコナ</t>
    </rPh>
    <phoneticPr fontId="2"/>
  </si>
  <si>
    <t>【知事部局】　2.72％
【企業庁】　 　2.71％
【議会局】　 　2.48％
（令和2年6月1日時点）</t>
    <rPh sb="1" eb="3">
      <t>チジ</t>
    </rPh>
    <rPh sb="3" eb="5">
      <t>ブキョク</t>
    </rPh>
    <rPh sb="14" eb="17">
      <t>キギョウチョウ</t>
    </rPh>
    <rPh sb="28" eb="30">
      <t>ギカイ</t>
    </rPh>
    <rPh sb="30" eb="31">
      <t>キョク</t>
    </rPh>
    <phoneticPr fontId="2"/>
  </si>
  <si>
    <t>・障がい者の活躍推進に関する庁内検討会議については、令和２年12月22日開催し、令和２年度取組状況の報告を行うとともに、確認・検証を行った
・検討チームについては、令和２年10月に設置し、令和２年度取組状況の報告を行うとともに、これに対する意見をいただいた</t>
    <rPh sb="1" eb="2">
      <t>ショウ</t>
    </rPh>
    <rPh sb="4" eb="5">
      <t>シャ</t>
    </rPh>
    <rPh sb="6" eb="8">
      <t>カツヤク</t>
    </rPh>
    <rPh sb="8" eb="10">
      <t>スイシン</t>
    </rPh>
    <rPh sb="11" eb="12">
      <t>カン</t>
    </rPh>
    <rPh sb="14" eb="16">
      <t>チョウナイ</t>
    </rPh>
    <rPh sb="16" eb="18">
      <t>ケントウ</t>
    </rPh>
    <rPh sb="18" eb="20">
      <t>カイギ</t>
    </rPh>
    <rPh sb="26" eb="28">
      <t>レイワ</t>
    </rPh>
    <rPh sb="29" eb="30">
      <t>ネン</t>
    </rPh>
    <rPh sb="32" eb="33">
      <t>ガツ</t>
    </rPh>
    <rPh sb="35" eb="36">
      <t>ニチ</t>
    </rPh>
    <rPh sb="36" eb="38">
      <t>カイサイ</t>
    </rPh>
    <rPh sb="40" eb="42">
      <t>レイワ</t>
    </rPh>
    <rPh sb="43" eb="44">
      <t>ネン</t>
    </rPh>
    <rPh sb="44" eb="45">
      <t>ド</t>
    </rPh>
    <rPh sb="45" eb="47">
      <t>トリクミ</t>
    </rPh>
    <rPh sb="47" eb="49">
      <t>ジョウキョウ</t>
    </rPh>
    <rPh sb="50" eb="52">
      <t>ホウコク</t>
    </rPh>
    <rPh sb="53" eb="54">
      <t>オコナ</t>
    </rPh>
    <rPh sb="60" eb="62">
      <t>カクニン</t>
    </rPh>
    <rPh sb="63" eb="65">
      <t>ケンショウ</t>
    </rPh>
    <rPh sb="66" eb="67">
      <t>オコナ</t>
    </rPh>
    <rPh sb="71" eb="73">
      <t>ケントウ</t>
    </rPh>
    <rPh sb="82" eb="84">
      <t>レイワ</t>
    </rPh>
    <rPh sb="85" eb="86">
      <t>ネン</t>
    </rPh>
    <rPh sb="88" eb="89">
      <t>ガツ</t>
    </rPh>
    <rPh sb="90" eb="92">
      <t>セッチ</t>
    </rPh>
    <rPh sb="94" eb="96">
      <t>レイワ</t>
    </rPh>
    <rPh sb="97" eb="98">
      <t>ネン</t>
    </rPh>
    <rPh sb="98" eb="99">
      <t>ド</t>
    </rPh>
    <rPh sb="99" eb="101">
      <t>トリクミ</t>
    </rPh>
    <rPh sb="101" eb="103">
      <t>ジョウキョウ</t>
    </rPh>
    <rPh sb="104" eb="106">
      <t>ホウコク</t>
    </rPh>
    <rPh sb="107" eb="108">
      <t>オコナ</t>
    </rPh>
    <rPh sb="117" eb="118">
      <t>タイ</t>
    </rPh>
    <phoneticPr fontId="2"/>
  </si>
  <si>
    <t>・障がい者活躍推進検討委員会については、令和３年１月25日開催し、令和２年度取組状況の報告を行うとともに、委員会における意見を令和３年度の取組に反映する予定</t>
    <rPh sb="20" eb="22">
      <t>レイワ</t>
    </rPh>
    <rPh sb="23" eb="24">
      <t>ネン</t>
    </rPh>
    <rPh sb="25" eb="26">
      <t>ガツ</t>
    </rPh>
    <rPh sb="28" eb="29">
      <t>ニチ</t>
    </rPh>
    <rPh sb="29" eb="31">
      <t>カイサイ</t>
    </rPh>
    <rPh sb="33" eb="35">
      <t>レイワ</t>
    </rPh>
    <rPh sb="36" eb="37">
      <t>ネン</t>
    </rPh>
    <rPh sb="37" eb="38">
      <t>ド</t>
    </rPh>
    <rPh sb="38" eb="40">
      <t>トリクミ</t>
    </rPh>
    <rPh sb="40" eb="42">
      <t>ジョウキョウ</t>
    </rPh>
    <rPh sb="43" eb="45">
      <t>ホウコク</t>
    </rPh>
    <rPh sb="46" eb="47">
      <t>オコナ</t>
    </rPh>
    <rPh sb="53" eb="56">
      <t>イインカイ</t>
    </rPh>
    <rPh sb="60" eb="62">
      <t>イケン</t>
    </rPh>
    <rPh sb="63" eb="65">
      <t>レイワ</t>
    </rPh>
    <rPh sb="66" eb="67">
      <t>ネン</t>
    </rPh>
    <rPh sb="67" eb="68">
      <t>ド</t>
    </rPh>
    <rPh sb="69" eb="71">
      <t>トリクミ</t>
    </rPh>
    <rPh sb="72" eb="74">
      <t>ハンエイ</t>
    </rPh>
    <rPh sb="76" eb="78">
      <t>ヨテイ</t>
    </rPh>
    <phoneticPr fontId="2"/>
  </si>
  <si>
    <t>令和２年度合格者（第１次選考を10月18日実施）に対する面談を医師同席のもと、令和３年１月実施</t>
    <rPh sb="0" eb="2">
      <t>レイワ</t>
    </rPh>
    <rPh sb="3" eb="4">
      <t>ネン</t>
    </rPh>
    <rPh sb="4" eb="5">
      <t>ド</t>
    </rPh>
    <rPh sb="5" eb="8">
      <t>ゴウカクシャ</t>
    </rPh>
    <rPh sb="9" eb="10">
      <t>ダイ</t>
    </rPh>
    <rPh sb="11" eb="12">
      <t>ジ</t>
    </rPh>
    <rPh sb="12" eb="14">
      <t>センコウ</t>
    </rPh>
    <rPh sb="17" eb="18">
      <t>ガツ</t>
    </rPh>
    <rPh sb="20" eb="21">
      <t>ニチ</t>
    </rPh>
    <rPh sb="21" eb="23">
      <t>ジッシ</t>
    </rPh>
    <rPh sb="25" eb="26">
      <t>タイ</t>
    </rPh>
    <rPh sb="28" eb="30">
      <t>メンダン</t>
    </rPh>
    <rPh sb="31" eb="33">
      <t>イシ</t>
    </rPh>
    <rPh sb="33" eb="35">
      <t>ドウセキ</t>
    </rPh>
    <rPh sb="39" eb="41">
      <t>レイワ</t>
    </rPh>
    <rPh sb="42" eb="43">
      <t>ネン</t>
    </rPh>
    <rPh sb="44" eb="45">
      <t>ガツ</t>
    </rPh>
    <rPh sb="45" eb="47">
      <t>ジッシ</t>
    </rPh>
    <phoneticPr fontId="2"/>
  </si>
  <si>
    <t>【知事部局】
視覚障がい者の声を受け、視覚障がい者に配慮し、第二分庁舎全体の廊下及びエレベーターホールの照明の明るさを改善した（令和２年11月）
【企業庁】
令和２年度はアンケートの実施により、施設の整備状況、ニーズ等について把握することに努める
【議会局】
令和２年度は配慮すべき施設はない。今後は個別にニーズを把握し対応していく</t>
    <rPh sb="1" eb="3">
      <t>チジ</t>
    </rPh>
    <rPh sb="3" eb="5">
      <t>ブキョク</t>
    </rPh>
    <rPh sb="7" eb="9">
      <t>シカク</t>
    </rPh>
    <rPh sb="9" eb="10">
      <t>ショウ</t>
    </rPh>
    <rPh sb="12" eb="13">
      <t>シャ</t>
    </rPh>
    <rPh sb="14" eb="15">
      <t>コエ</t>
    </rPh>
    <rPh sb="16" eb="17">
      <t>ウケ</t>
    </rPh>
    <rPh sb="19" eb="21">
      <t>シカク</t>
    </rPh>
    <rPh sb="21" eb="22">
      <t>ショウ</t>
    </rPh>
    <rPh sb="24" eb="25">
      <t>シャ</t>
    </rPh>
    <rPh sb="26" eb="28">
      <t>ハイリョ</t>
    </rPh>
    <rPh sb="30" eb="31">
      <t>ダイ</t>
    </rPh>
    <rPh sb="31" eb="32">
      <t>２</t>
    </rPh>
    <rPh sb="32" eb="33">
      <t>ブン</t>
    </rPh>
    <rPh sb="33" eb="35">
      <t>チョウシャ</t>
    </rPh>
    <rPh sb="35" eb="37">
      <t>ゼンタイ</t>
    </rPh>
    <rPh sb="38" eb="40">
      <t>ロウカ</t>
    </rPh>
    <rPh sb="40" eb="41">
      <t>オヨ</t>
    </rPh>
    <rPh sb="52" eb="54">
      <t>ショウメイ</t>
    </rPh>
    <rPh sb="55" eb="56">
      <t>アカ</t>
    </rPh>
    <rPh sb="59" eb="61">
      <t>カイゼン</t>
    </rPh>
    <rPh sb="64" eb="66">
      <t>レイワ</t>
    </rPh>
    <rPh sb="67" eb="68">
      <t>ネン</t>
    </rPh>
    <rPh sb="70" eb="71">
      <t>ガツ</t>
    </rPh>
    <rPh sb="74" eb="77">
      <t>キギョウチョウ</t>
    </rPh>
    <phoneticPr fontId="2"/>
  </si>
  <si>
    <r>
      <t>【知事部局】
・各局管理担当課長等及び障がいのある職員が5名以上いる所属の副課長等を障害者職業生活相談員に選任した
・上記相談員について公務部門向け障害者職業生活相談員資格認定講習講習を10月～1月に受講
・また、新たに障がいのある職員が配置となる所属の管理者等について、3月頃に精神・発達障害者しごとサポーター養成講座を受講予定
【企業庁】
・企業庁企業局総務室管理担当課長を障害者職業生活相談員に選任した
・上記相談員について公務部門向け障害者職業生活相談員資格認定講習会を令和３年１月に受講
【議会局】
・</t>
    </r>
    <r>
      <rPr>
        <sz val="11"/>
        <rFont val="ＭＳ Ｐゴシック"/>
        <family val="3"/>
        <charset val="128"/>
      </rPr>
      <t>公務部門向け障害者職業生活相談員資格認定講習会の受講申し込みを行ったが、障がいのある職員が５名以上いないため、受講優先順位が低いとのことで受講不可となった</t>
    </r>
    <rPh sb="1" eb="3">
      <t>チジ</t>
    </rPh>
    <rPh sb="3" eb="5">
      <t>ブキョク</t>
    </rPh>
    <rPh sb="107" eb="108">
      <t>アラ</t>
    </rPh>
    <rPh sb="110" eb="111">
      <t>ショウ</t>
    </rPh>
    <rPh sb="116" eb="118">
      <t>ショクイン</t>
    </rPh>
    <rPh sb="119" eb="121">
      <t>ハイチ</t>
    </rPh>
    <rPh sb="124" eb="126">
      <t>ショゾク</t>
    </rPh>
    <rPh sb="127" eb="129">
      <t>カンリ</t>
    </rPh>
    <rPh sb="130" eb="131">
      <t>トウ</t>
    </rPh>
    <rPh sb="137" eb="138">
      <t>ガツ</t>
    </rPh>
    <rPh sb="138" eb="139">
      <t>ゴロ</t>
    </rPh>
    <rPh sb="140" eb="142">
      <t>セイシン</t>
    </rPh>
    <rPh sb="143" eb="145">
      <t>ハッタツ</t>
    </rPh>
    <rPh sb="145" eb="148">
      <t>ショウガイシャ</t>
    </rPh>
    <rPh sb="156" eb="158">
      <t>ヨウセイ</t>
    </rPh>
    <rPh sb="158" eb="160">
      <t>コウザ</t>
    </rPh>
    <rPh sb="161" eb="163">
      <t>ジュコウ</t>
    </rPh>
    <rPh sb="163" eb="165">
      <t>ヨテイ</t>
    </rPh>
    <rPh sb="167" eb="170">
      <t>キギョウチョウ</t>
    </rPh>
    <phoneticPr fontId="2"/>
  </si>
  <si>
    <r>
      <t>【知事部局】
・視覚障がい者に配慮し、必要に応じて音声読み上げソフトを配備するとともに、リーディングアシスタントを配置済み
・今年度合格者において、就労支援機器等の整備が必要な者はいなかった
【企業庁】
・（視覚障がい者に配慮し音声読み上げソフトを配備済）
・その他の就労支援機器等については、ニーズ等を把握しながら対応していく
【議会局】
令和２年度は</t>
    </r>
    <r>
      <rPr>
        <sz val="11"/>
        <rFont val="ＭＳ Ｐゴシック"/>
        <family val="3"/>
        <charset val="128"/>
      </rPr>
      <t>就労支援機器等の整備が必要な者はいなかった。今後は個別にニーズを把握し対応していく</t>
    </r>
    <rPh sb="8" eb="10">
      <t>シカク</t>
    </rPh>
    <rPh sb="10" eb="11">
      <t>ショウ</t>
    </rPh>
    <rPh sb="13" eb="14">
      <t>シャ</t>
    </rPh>
    <rPh sb="15" eb="17">
      <t>ハイリョ</t>
    </rPh>
    <rPh sb="19" eb="21">
      <t>ヒツヨウ</t>
    </rPh>
    <rPh sb="22" eb="23">
      <t>オウ</t>
    </rPh>
    <rPh sb="25" eb="27">
      <t>オンセイ</t>
    </rPh>
    <rPh sb="27" eb="28">
      <t>ヨ</t>
    </rPh>
    <rPh sb="29" eb="30">
      <t>ア</t>
    </rPh>
    <rPh sb="35" eb="37">
      <t>ハイビ</t>
    </rPh>
    <rPh sb="57" eb="59">
      <t>ハイチ</t>
    </rPh>
    <rPh sb="59" eb="60">
      <t>ズ</t>
    </rPh>
    <rPh sb="74" eb="76">
      <t>シュウロウ</t>
    </rPh>
    <rPh sb="76" eb="78">
      <t>シエン</t>
    </rPh>
    <rPh sb="78" eb="80">
      <t>キキ</t>
    </rPh>
    <rPh sb="80" eb="81">
      <t>トウ</t>
    </rPh>
    <rPh sb="82" eb="84">
      <t>セイビ</t>
    </rPh>
    <rPh sb="85" eb="87">
      <t>ヒツヨウ</t>
    </rPh>
    <rPh sb="88" eb="89">
      <t>シャ</t>
    </rPh>
    <rPh sb="97" eb="100">
      <t>キギョウチョウ</t>
    </rPh>
    <rPh sb="177" eb="179">
      <t>シュウロウ</t>
    </rPh>
    <rPh sb="179" eb="181">
      <t>シエン</t>
    </rPh>
    <rPh sb="181" eb="183">
      <t>キキ</t>
    </rPh>
    <rPh sb="183" eb="184">
      <t>トウ</t>
    </rPh>
    <rPh sb="185" eb="187">
      <t>セイビ</t>
    </rPh>
    <rPh sb="188" eb="190">
      <t>ヒツヨウ</t>
    </rPh>
    <rPh sb="191" eb="192">
      <t>モノ</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9" x14ac:knownFonts="1">
    <font>
      <sz val="11"/>
      <name val="ＭＳ Ｐゴシック"/>
      <family val="3"/>
      <charset val="128"/>
    </font>
    <font>
      <sz val="12"/>
      <color theme="1"/>
      <name val="ＭＳ 明朝"/>
      <family val="2"/>
      <charset val="128"/>
    </font>
    <font>
      <sz val="6"/>
      <name val="ＭＳ Ｐゴシック"/>
      <family val="3"/>
      <charset val="128"/>
    </font>
    <font>
      <sz val="11"/>
      <name val="ＭＳ Ｐ明朝"/>
      <family val="1"/>
      <charset val="128"/>
    </font>
    <font>
      <sz val="11"/>
      <name val="ＭＳ 明朝"/>
      <family val="1"/>
      <charset val="128"/>
    </font>
    <font>
      <sz val="11"/>
      <name val="ＭＳ Ｐゴシック"/>
      <family val="3"/>
      <charset val="128"/>
      <scheme val="major"/>
    </font>
    <font>
      <sz val="11"/>
      <name val="ＭＳ Ｐゴシック"/>
      <family val="3"/>
      <charset val="128"/>
    </font>
    <font>
      <sz val="14"/>
      <name val="ＭＳ Ｐゴシック"/>
      <family val="3"/>
      <charset val="128"/>
    </font>
    <font>
      <sz val="16"/>
      <name val="ＭＳ Ｐゴシック"/>
      <family val="3"/>
      <charset val="128"/>
    </font>
  </fonts>
  <fills count="2">
    <fill>
      <patternFill patternType="none"/>
    </fill>
    <fill>
      <patternFill patternType="gray125"/>
    </fill>
  </fills>
  <borders count="14">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diagonal/>
    </border>
    <border>
      <left style="thin">
        <color indexed="64"/>
      </left>
      <right style="thin">
        <color indexed="64"/>
      </right>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s>
  <cellStyleXfs count="2">
    <xf numFmtId="0" fontId="0" fillId="0" borderId="0"/>
    <xf numFmtId="0" fontId="1" fillId="0" borderId="0">
      <alignment vertical="center"/>
    </xf>
  </cellStyleXfs>
  <cellXfs count="44">
    <xf numFmtId="0" fontId="0" fillId="0" borderId="0" xfId="0"/>
    <xf numFmtId="0" fontId="0" fillId="0" borderId="0" xfId="0" applyAlignment="1">
      <alignment wrapText="1"/>
    </xf>
    <xf numFmtId="0" fontId="0" fillId="0" borderId="1" xfId="0" applyBorder="1" applyAlignment="1">
      <alignment vertical="center" wrapText="1"/>
    </xf>
    <xf numFmtId="0" fontId="0" fillId="0" borderId="0" xfId="0" applyAlignment="1">
      <alignment vertical="center" wrapText="1"/>
    </xf>
    <xf numFmtId="0" fontId="0" fillId="0" borderId="0" xfId="0" applyAlignment="1">
      <alignment horizontal="center" vertical="center"/>
    </xf>
    <xf numFmtId="0" fontId="3" fillId="0" borderId="1" xfId="0" applyFont="1" applyBorder="1" applyAlignment="1">
      <alignment vertical="center" wrapText="1"/>
    </xf>
    <xf numFmtId="0" fontId="3" fillId="0" borderId="3" xfId="0" applyFont="1" applyBorder="1" applyAlignment="1">
      <alignment vertical="top"/>
    </xf>
    <xf numFmtId="0" fontId="3" fillId="0" borderId="4" xfId="0" applyFont="1" applyBorder="1" applyAlignment="1">
      <alignment vertical="top"/>
    </xf>
    <xf numFmtId="0" fontId="3" fillId="0" borderId="4" xfId="0" applyFont="1" applyBorder="1" applyAlignment="1">
      <alignment vertical="top" wrapText="1"/>
    </xf>
    <xf numFmtId="0" fontId="3" fillId="0" borderId="7" xfId="0" applyFont="1" applyBorder="1" applyAlignment="1">
      <alignment vertical="top"/>
    </xf>
    <xf numFmtId="0" fontId="3" fillId="0" borderId="2" xfId="0" applyFont="1" applyBorder="1" applyAlignment="1">
      <alignment vertical="top"/>
    </xf>
    <xf numFmtId="0" fontId="3" fillId="0" borderId="4" xfId="0" applyFont="1" applyBorder="1" applyAlignment="1">
      <alignment vertical="center" wrapText="1"/>
    </xf>
    <xf numFmtId="0" fontId="3" fillId="0" borderId="6" xfId="0" applyFont="1" applyBorder="1" applyAlignment="1">
      <alignment vertical="top"/>
    </xf>
    <xf numFmtId="0" fontId="3" fillId="0" borderId="8" xfId="0" applyFont="1" applyBorder="1" applyAlignment="1">
      <alignment vertical="top"/>
    </xf>
    <xf numFmtId="0" fontId="3" fillId="0" borderId="9" xfId="0" applyFont="1" applyBorder="1" applyAlignment="1">
      <alignment vertical="top"/>
    </xf>
    <xf numFmtId="0" fontId="3" fillId="0" borderId="10" xfId="0" applyFont="1" applyBorder="1" applyAlignment="1">
      <alignment vertical="top"/>
    </xf>
    <xf numFmtId="0" fontId="3" fillId="0" borderId="11" xfId="0" applyFont="1" applyBorder="1" applyAlignment="1">
      <alignment vertical="top"/>
    </xf>
    <xf numFmtId="0" fontId="0" fillId="0" borderId="1" xfId="0" applyFont="1" applyBorder="1" applyAlignment="1">
      <alignment vertical="center" wrapText="1"/>
    </xf>
    <xf numFmtId="0" fontId="0" fillId="0" borderId="1" xfId="0" applyFont="1" applyFill="1" applyBorder="1" applyAlignment="1">
      <alignment vertical="center" wrapText="1"/>
    </xf>
    <xf numFmtId="0" fontId="0" fillId="0" borderId="5" xfId="0" applyBorder="1" applyAlignment="1">
      <alignment vertical="center" wrapText="1"/>
    </xf>
    <xf numFmtId="0" fontId="6" fillId="0" borderId="1" xfId="0" applyFont="1" applyBorder="1" applyAlignment="1">
      <alignment vertical="center" wrapText="1"/>
    </xf>
    <xf numFmtId="0" fontId="4" fillId="0" borderId="1" xfId="0" applyFont="1" applyFill="1" applyBorder="1" applyAlignment="1">
      <alignment horizontal="center" vertical="center" wrapText="1"/>
    </xf>
    <xf numFmtId="0" fontId="5" fillId="0" borderId="1" xfId="0" applyFont="1" applyFill="1" applyBorder="1" applyAlignment="1">
      <alignment horizontal="center" vertical="center" wrapText="1"/>
    </xf>
    <xf numFmtId="0" fontId="7" fillId="0" borderId="0" xfId="0" applyFont="1" applyAlignment="1">
      <alignment vertical="center"/>
    </xf>
    <xf numFmtId="0" fontId="0" fillId="0" borderId="4" xfId="0" applyFont="1" applyBorder="1" applyAlignment="1">
      <alignment vertical="center" wrapText="1"/>
    </xf>
    <xf numFmtId="58" fontId="0" fillId="0" borderId="1" xfId="0" applyNumberFormat="1" applyFont="1" applyBorder="1" applyAlignment="1">
      <alignment vertical="center" wrapText="1"/>
    </xf>
    <xf numFmtId="58" fontId="0" fillId="0" borderId="1" xfId="0" applyNumberFormat="1" applyFont="1" applyBorder="1" applyAlignment="1">
      <alignment wrapText="1"/>
    </xf>
    <xf numFmtId="0" fontId="0" fillId="0" borderId="0" xfId="0" applyFont="1"/>
    <xf numFmtId="0" fontId="0" fillId="0" borderId="13" xfId="0" applyFont="1" applyBorder="1" applyAlignment="1">
      <alignment vertical="center"/>
    </xf>
    <xf numFmtId="0" fontId="0" fillId="0" borderId="4" xfId="0" applyFont="1" applyBorder="1"/>
    <xf numFmtId="0" fontId="0" fillId="0" borderId="5" xfId="0" applyFont="1" applyBorder="1" applyAlignment="1">
      <alignment wrapText="1"/>
    </xf>
    <xf numFmtId="0" fontId="0" fillId="0" borderId="13" xfId="0" applyFont="1" applyBorder="1" applyAlignment="1">
      <alignment horizontal="centerContinuous" vertical="center"/>
    </xf>
    <xf numFmtId="0" fontId="8" fillId="0" borderId="0" xfId="0" applyFont="1" applyAlignment="1">
      <alignment vertical="center"/>
    </xf>
    <xf numFmtId="0" fontId="0" fillId="0" borderId="0" xfId="0" applyFont="1" applyAlignment="1">
      <alignment wrapText="1"/>
    </xf>
    <xf numFmtId="0" fontId="0" fillId="0" borderId="0" xfId="0" applyFont="1" applyAlignment="1">
      <alignment vertical="center" wrapText="1"/>
    </xf>
    <xf numFmtId="0" fontId="0" fillId="0" borderId="0" xfId="0" applyFont="1" applyBorder="1" applyAlignment="1">
      <alignment vertical="center"/>
    </xf>
    <xf numFmtId="0" fontId="0" fillId="0" borderId="4" xfId="0" applyFont="1" applyBorder="1" applyAlignment="1">
      <alignment horizontal="centerContinuous"/>
    </xf>
    <xf numFmtId="0" fontId="0" fillId="0" borderId="5" xfId="0" applyFont="1" applyBorder="1" applyAlignment="1">
      <alignment horizontal="centerContinuous" vertical="center" wrapText="1"/>
    </xf>
    <xf numFmtId="0" fontId="0" fillId="0" borderId="1" xfId="0" applyFont="1" applyBorder="1" applyAlignment="1">
      <alignment horizontal="center" vertical="center" wrapText="1"/>
    </xf>
    <xf numFmtId="0" fontId="0" fillId="0" borderId="1" xfId="0" applyFont="1" applyFill="1" applyBorder="1" applyAlignment="1">
      <alignment horizontal="center" vertical="center" wrapText="1"/>
    </xf>
    <xf numFmtId="0" fontId="0" fillId="0" borderId="6" xfId="0" applyFont="1" applyBorder="1" applyAlignment="1">
      <alignment vertical="center"/>
    </xf>
    <xf numFmtId="0" fontId="0" fillId="0" borderId="12" xfId="0" applyFont="1" applyBorder="1" applyAlignment="1">
      <alignment vertical="center"/>
    </xf>
    <xf numFmtId="0" fontId="0" fillId="0" borderId="1" xfId="0" applyFont="1" applyBorder="1" applyAlignment="1">
      <alignment horizontal="center" vertical="center"/>
    </xf>
    <xf numFmtId="0" fontId="0" fillId="0" borderId="5" xfId="0" applyFont="1" applyBorder="1" applyAlignment="1">
      <alignment vertical="center" wrapText="1"/>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H45"/>
  <sheetViews>
    <sheetView tabSelected="1" view="pageBreakPreview" topLeftCell="A4" zoomScaleNormal="100" zoomScaleSheetLayoutView="100" workbookViewId="0">
      <selection activeCell="F41" sqref="F41"/>
    </sheetView>
  </sheetViews>
  <sheetFormatPr defaultRowHeight="13.5" x14ac:dyDescent="0.15"/>
  <cols>
    <col min="1" max="1" width="6.25" customWidth="1"/>
    <col min="2" max="2" width="6.375" customWidth="1"/>
    <col min="3" max="3" width="24.75" style="1" customWidth="1"/>
    <col min="4" max="4" width="43.375" style="1" customWidth="1"/>
    <col min="5" max="5" width="62" style="3" customWidth="1"/>
    <col min="6" max="6" width="27.5" style="3" customWidth="1"/>
  </cols>
  <sheetData>
    <row r="1" spans="1:8" ht="42.75" customHeight="1" x14ac:dyDescent="0.15">
      <c r="A1" s="32" t="s">
        <v>91</v>
      </c>
      <c r="B1" s="27"/>
      <c r="C1" s="33"/>
      <c r="D1" s="33"/>
      <c r="E1" s="34"/>
      <c r="F1" s="35"/>
    </row>
    <row r="2" spans="1:8" ht="24.95" customHeight="1" x14ac:dyDescent="0.15">
      <c r="A2" s="23" t="s">
        <v>104</v>
      </c>
      <c r="B2" s="27"/>
      <c r="C2" s="33"/>
      <c r="D2" s="33"/>
      <c r="E2" s="34"/>
      <c r="F2" s="35"/>
    </row>
    <row r="3" spans="1:8" ht="20.25" customHeight="1" x14ac:dyDescent="0.15">
      <c r="A3" s="31" t="s">
        <v>103</v>
      </c>
      <c r="B3" s="36"/>
      <c r="C3" s="37"/>
      <c r="D3" s="38" t="s">
        <v>101</v>
      </c>
      <c r="E3" s="22" t="s">
        <v>106</v>
      </c>
      <c r="F3" s="39" t="s">
        <v>107</v>
      </c>
    </row>
    <row r="4" spans="1:8" s="27" customFormat="1" ht="54" x14ac:dyDescent="0.15">
      <c r="A4" s="28" t="s">
        <v>100</v>
      </c>
      <c r="B4" s="29"/>
      <c r="C4" s="30"/>
      <c r="D4" s="25" t="s">
        <v>102</v>
      </c>
      <c r="E4" s="26" t="s">
        <v>109</v>
      </c>
      <c r="F4" s="17" t="s">
        <v>108</v>
      </c>
    </row>
    <row r="5" spans="1:8" ht="15" customHeight="1" x14ac:dyDescent="0.15">
      <c r="A5" s="23"/>
      <c r="B5" s="27"/>
      <c r="C5" s="33"/>
      <c r="D5" s="33"/>
      <c r="E5" s="34"/>
      <c r="F5" s="40"/>
    </row>
    <row r="6" spans="1:8" ht="24.95" customHeight="1" x14ac:dyDescent="0.15">
      <c r="A6" s="23" t="s">
        <v>105</v>
      </c>
      <c r="B6" s="27"/>
      <c r="C6" s="33"/>
      <c r="D6" s="33"/>
      <c r="E6" s="34"/>
      <c r="F6" s="41"/>
    </row>
    <row r="7" spans="1:8" s="4" customFormat="1" ht="20.25" customHeight="1" x14ac:dyDescent="0.15">
      <c r="A7" s="42" t="s">
        <v>39</v>
      </c>
      <c r="B7" s="42" t="s">
        <v>40</v>
      </c>
      <c r="C7" s="38" t="s">
        <v>41</v>
      </c>
      <c r="D7" s="21" t="s">
        <v>38</v>
      </c>
      <c r="E7" s="22" t="s">
        <v>90</v>
      </c>
      <c r="F7" s="39" t="s">
        <v>58</v>
      </c>
    </row>
    <row r="8" spans="1:8" x14ac:dyDescent="0.15">
      <c r="A8" s="6" t="s">
        <v>0</v>
      </c>
      <c r="B8" s="7"/>
      <c r="C8" s="8"/>
      <c r="D8" s="8"/>
      <c r="E8" s="24"/>
      <c r="F8" s="43"/>
    </row>
    <row r="9" spans="1:8" x14ac:dyDescent="0.15">
      <c r="A9" s="9"/>
      <c r="B9" s="6" t="s">
        <v>3</v>
      </c>
      <c r="C9" s="8"/>
      <c r="D9" s="8"/>
      <c r="E9" s="24"/>
      <c r="F9" s="43"/>
    </row>
    <row r="10" spans="1:8" ht="84.75" customHeight="1" x14ac:dyDescent="0.15">
      <c r="A10" s="9"/>
      <c r="B10" s="9"/>
      <c r="C10" s="5" t="s">
        <v>6</v>
      </c>
      <c r="D10" s="5" t="s">
        <v>57</v>
      </c>
      <c r="E10" s="17" t="s">
        <v>110</v>
      </c>
      <c r="F10" s="2" t="s">
        <v>72</v>
      </c>
    </row>
    <row r="11" spans="1:8" ht="67.5" customHeight="1" x14ac:dyDescent="0.15">
      <c r="A11" s="9"/>
      <c r="B11" s="9"/>
      <c r="C11" s="5" t="s">
        <v>7</v>
      </c>
      <c r="D11" s="5" t="s">
        <v>42</v>
      </c>
      <c r="E11" s="17" t="s">
        <v>111</v>
      </c>
      <c r="F11" s="2" t="s">
        <v>74</v>
      </c>
      <c r="H11" s="1"/>
    </row>
    <row r="12" spans="1:8" ht="89.25" customHeight="1" x14ac:dyDescent="0.15">
      <c r="A12" s="9"/>
      <c r="B12" s="9"/>
      <c r="C12" s="5" t="s">
        <v>8</v>
      </c>
      <c r="D12" s="5" t="s">
        <v>67</v>
      </c>
      <c r="E12" s="17" t="s">
        <v>70</v>
      </c>
      <c r="F12" s="2" t="s">
        <v>73</v>
      </c>
    </row>
    <row r="13" spans="1:8" ht="87" customHeight="1" x14ac:dyDescent="0.15">
      <c r="A13" s="9"/>
      <c r="B13" s="10"/>
      <c r="C13" s="5" t="s">
        <v>9</v>
      </c>
      <c r="D13" s="5" t="s">
        <v>56</v>
      </c>
      <c r="E13" s="17" t="s">
        <v>84</v>
      </c>
      <c r="F13" s="17" t="s">
        <v>72</v>
      </c>
    </row>
    <row r="14" spans="1:8" x14ac:dyDescent="0.15">
      <c r="A14" s="9"/>
      <c r="B14" s="6" t="s">
        <v>4</v>
      </c>
      <c r="C14" s="11"/>
      <c r="D14" s="11"/>
      <c r="E14" s="24"/>
      <c r="F14" s="19"/>
    </row>
    <row r="15" spans="1:8" ht="222.75" customHeight="1" x14ac:dyDescent="0.15">
      <c r="A15" s="9"/>
      <c r="B15" s="9"/>
      <c r="C15" s="5" t="s">
        <v>10</v>
      </c>
      <c r="D15" s="5" t="s">
        <v>69</v>
      </c>
      <c r="E15" s="18" t="s">
        <v>114</v>
      </c>
      <c r="F15" s="17" t="s">
        <v>75</v>
      </c>
    </row>
    <row r="16" spans="1:8" ht="102" customHeight="1" x14ac:dyDescent="0.15">
      <c r="A16" s="9"/>
      <c r="B16" s="9"/>
      <c r="C16" s="5" t="s">
        <v>11</v>
      </c>
      <c r="D16" s="5" t="s">
        <v>43</v>
      </c>
      <c r="E16" s="18" t="s">
        <v>99</v>
      </c>
      <c r="F16" s="17" t="s">
        <v>75</v>
      </c>
    </row>
    <row r="17" spans="1:6" ht="90" customHeight="1" x14ac:dyDescent="0.15">
      <c r="A17" s="9"/>
      <c r="B17" s="10"/>
      <c r="C17" s="5" t="s">
        <v>12</v>
      </c>
      <c r="D17" s="5" t="s">
        <v>59</v>
      </c>
      <c r="E17" s="18" t="s">
        <v>83</v>
      </c>
      <c r="F17" s="17" t="s">
        <v>75</v>
      </c>
    </row>
    <row r="18" spans="1:6" x14ac:dyDescent="0.15">
      <c r="A18" s="9"/>
      <c r="B18" s="6" t="s">
        <v>5</v>
      </c>
      <c r="C18" s="11"/>
      <c r="D18" s="11"/>
      <c r="E18" s="24"/>
      <c r="F18" s="19"/>
    </row>
    <row r="19" spans="1:6" ht="60" customHeight="1" x14ac:dyDescent="0.15">
      <c r="A19" s="9"/>
      <c r="B19" s="9"/>
      <c r="C19" s="5" t="s">
        <v>13</v>
      </c>
      <c r="D19" s="5" t="s">
        <v>44</v>
      </c>
      <c r="E19" s="17" t="s">
        <v>86</v>
      </c>
      <c r="F19" s="2" t="s">
        <v>72</v>
      </c>
    </row>
    <row r="20" spans="1:6" ht="54" x14ac:dyDescent="0.15">
      <c r="A20" s="9"/>
      <c r="B20" s="9"/>
      <c r="C20" s="5" t="s">
        <v>16</v>
      </c>
      <c r="D20" s="5" t="s">
        <v>45</v>
      </c>
      <c r="E20" s="18" t="s">
        <v>85</v>
      </c>
      <c r="F20" s="2" t="s">
        <v>76</v>
      </c>
    </row>
    <row r="21" spans="1:6" ht="123.75" customHeight="1" x14ac:dyDescent="0.15">
      <c r="A21" s="10"/>
      <c r="B21" s="10"/>
      <c r="C21" s="5" t="s">
        <v>19</v>
      </c>
      <c r="D21" s="5" t="s">
        <v>46</v>
      </c>
      <c r="E21" s="17" t="s">
        <v>81</v>
      </c>
      <c r="F21" s="17" t="s">
        <v>77</v>
      </c>
    </row>
    <row r="22" spans="1:6" x14ac:dyDescent="0.15">
      <c r="A22" s="6" t="s">
        <v>1</v>
      </c>
      <c r="B22" s="12"/>
      <c r="C22" s="11"/>
      <c r="D22" s="11"/>
      <c r="E22" s="24"/>
      <c r="F22" s="19"/>
    </row>
    <row r="23" spans="1:6" ht="108" customHeight="1" x14ac:dyDescent="0.15">
      <c r="A23" s="13"/>
      <c r="B23" s="14"/>
      <c r="C23" s="5" t="s">
        <v>14</v>
      </c>
      <c r="D23" s="5" t="s">
        <v>63</v>
      </c>
      <c r="E23" s="17" t="s">
        <v>112</v>
      </c>
      <c r="F23" s="2" t="s">
        <v>72</v>
      </c>
    </row>
    <row r="24" spans="1:6" ht="105" customHeight="1" x14ac:dyDescent="0.15">
      <c r="A24" s="13"/>
      <c r="B24" s="14"/>
      <c r="C24" s="5" t="s">
        <v>17</v>
      </c>
      <c r="D24" s="5" t="s">
        <v>47</v>
      </c>
      <c r="E24" s="17" t="s">
        <v>92</v>
      </c>
      <c r="F24" s="2" t="s">
        <v>72</v>
      </c>
    </row>
    <row r="25" spans="1:6" ht="54" customHeight="1" x14ac:dyDescent="0.15">
      <c r="A25" s="15"/>
      <c r="B25" s="16"/>
      <c r="C25" s="5" t="s">
        <v>20</v>
      </c>
      <c r="D25" s="5" t="s">
        <v>48</v>
      </c>
      <c r="E25" s="17" t="s">
        <v>93</v>
      </c>
      <c r="F25" s="2" t="s">
        <v>72</v>
      </c>
    </row>
    <row r="26" spans="1:6" x14ac:dyDescent="0.15">
      <c r="A26" s="6" t="s">
        <v>2</v>
      </c>
      <c r="B26" s="12"/>
      <c r="C26" s="11"/>
      <c r="D26" s="11"/>
      <c r="E26" s="24"/>
      <c r="F26" s="19"/>
    </row>
    <row r="27" spans="1:6" ht="135.75" customHeight="1" x14ac:dyDescent="0.15">
      <c r="A27" s="13"/>
      <c r="B27" s="14"/>
      <c r="C27" s="5" t="s">
        <v>15</v>
      </c>
      <c r="D27" s="5" t="s">
        <v>61</v>
      </c>
      <c r="E27" s="18" t="s">
        <v>113</v>
      </c>
      <c r="F27" s="17" t="s">
        <v>79</v>
      </c>
    </row>
    <row r="28" spans="1:6" ht="165" customHeight="1" x14ac:dyDescent="0.15">
      <c r="A28" s="13"/>
      <c r="B28" s="14"/>
      <c r="C28" s="5" t="s">
        <v>18</v>
      </c>
      <c r="D28" s="5" t="s">
        <v>55</v>
      </c>
      <c r="E28" s="18" t="s">
        <v>115</v>
      </c>
      <c r="F28" s="17" t="s">
        <v>72</v>
      </c>
    </row>
    <row r="29" spans="1:6" ht="70.5" customHeight="1" x14ac:dyDescent="0.15">
      <c r="A29" s="13"/>
      <c r="B29" s="14"/>
      <c r="C29" s="5" t="s">
        <v>21</v>
      </c>
      <c r="D29" s="5" t="s">
        <v>62</v>
      </c>
      <c r="E29" s="18" t="s">
        <v>65</v>
      </c>
      <c r="F29" s="2" t="s">
        <v>75</v>
      </c>
    </row>
    <row r="30" spans="1:6" ht="129.75" customHeight="1" x14ac:dyDescent="0.15">
      <c r="A30" s="15"/>
      <c r="B30" s="16"/>
      <c r="C30" s="5" t="s">
        <v>22</v>
      </c>
      <c r="D30" s="5" t="s">
        <v>68</v>
      </c>
      <c r="E30" s="17" t="s">
        <v>89</v>
      </c>
      <c r="F30" s="2" t="s">
        <v>72</v>
      </c>
    </row>
    <row r="31" spans="1:6" x14ac:dyDescent="0.15">
      <c r="A31" s="6" t="s">
        <v>23</v>
      </c>
      <c r="B31" s="7"/>
      <c r="C31" s="11"/>
      <c r="D31" s="11"/>
      <c r="E31" s="24"/>
      <c r="F31" s="19"/>
    </row>
    <row r="32" spans="1:6" x14ac:dyDescent="0.15">
      <c r="A32" s="13"/>
      <c r="B32" s="6" t="s">
        <v>24</v>
      </c>
      <c r="C32" s="11"/>
      <c r="D32" s="11"/>
      <c r="E32" s="24"/>
      <c r="F32" s="19"/>
    </row>
    <row r="33" spans="1:6" ht="105" customHeight="1" x14ac:dyDescent="0.15">
      <c r="A33" s="9"/>
      <c r="B33" s="9"/>
      <c r="C33" s="5" t="s">
        <v>25</v>
      </c>
      <c r="D33" s="5" t="s">
        <v>82</v>
      </c>
      <c r="E33" s="17" t="s">
        <v>98</v>
      </c>
      <c r="F33" s="20" t="s">
        <v>88</v>
      </c>
    </row>
    <row r="34" spans="1:6" ht="83.25" customHeight="1" x14ac:dyDescent="0.15">
      <c r="A34" s="9"/>
      <c r="B34" s="9"/>
      <c r="C34" s="5" t="s">
        <v>26</v>
      </c>
      <c r="D34" s="5" t="s">
        <v>53</v>
      </c>
      <c r="E34" s="17" t="s">
        <v>71</v>
      </c>
      <c r="F34" s="20" t="s">
        <v>72</v>
      </c>
    </row>
    <row r="35" spans="1:6" ht="58.5" customHeight="1" x14ac:dyDescent="0.15">
      <c r="A35" s="9"/>
      <c r="B35" s="10"/>
      <c r="C35" s="5" t="s">
        <v>27</v>
      </c>
      <c r="D35" s="5" t="s">
        <v>49</v>
      </c>
      <c r="E35" s="18" t="s">
        <v>80</v>
      </c>
      <c r="F35" s="20" t="s">
        <v>78</v>
      </c>
    </row>
    <row r="36" spans="1:6" x14ac:dyDescent="0.15">
      <c r="A36" s="13"/>
      <c r="B36" s="6" t="s">
        <v>28</v>
      </c>
      <c r="C36" s="11"/>
      <c r="D36" s="11"/>
      <c r="E36" s="24"/>
      <c r="F36" s="19"/>
    </row>
    <row r="37" spans="1:6" ht="91.5" customHeight="1" x14ac:dyDescent="0.15">
      <c r="A37" s="9"/>
      <c r="B37" s="9"/>
      <c r="C37" s="5" t="s">
        <v>29</v>
      </c>
      <c r="D37" s="5" t="s">
        <v>50</v>
      </c>
      <c r="E37" s="17" t="s">
        <v>97</v>
      </c>
      <c r="F37" s="2" t="s">
        <v>76</v>
      </c>
    </row>
    <row r="38" spans="1:6" ht="261" customHeight="1" x14ac:dyDescent="0.15">
      <c r="A38" s="9"/>
      <c r="B38" s="10"/>
      <c r="C38" s="5" t="s">
        <v>30</v>
      </c>
      <c r="D38" s="5" t="s">
        <v>60</v>
      </c>
      <c r="E38" s="18" t="s">
        <v>87</v>
      </c>
      <c r="F38" s="17" t="s">
        <v>72</v>
      </c>
    </row>
    <row r="39" spans="1:6" x14ac:dyDescent="0.15">
      <c r="A39" s="13"/>
      <c r="B39" s="6" t="s">
        <v>31</v>
      </c>
      <c r="C39" s="11"/>
      <c r="D39" s="11"/>
      <c r="E39" s="24"/>
      <c r="F39" s="19"/>
    </row>
    <row r="40" spans="1:6" ht="179.25" customHeight="1" x14ac:dyDescent="0.15">
      <c r="A40" s="9"/>
      <c r="B40" s="9"/>
      <c r="C40" s="5" t="s">
        <v>33</v>
      </c>
      <c r="D40" s="5" t="s">
        <v>51</v>
      </c>
      <c r="E40" s="17" t="s">
        <v>96</v>
      </c>
      <c r="F40" s="17" t="s">
        <v>72</v>
      </c>
    </row>
    <row r="41" spans="1:6" ht="153" customHeight="1" x14ac:dyDescent="0.15">
      <c r="A41" s="9"/>
      <c r="B41" s="10"/>
      <c r="C41" s="5" t="s">
        <v>32</v>
      </c>
      <c r="D41" s="5" t="s">
        <v>64</v>
      </c>
      <c r="E41" s="18" t="s">
        <v>95</v>
      </c>
      <c r="F41" s="17" t="s">
        <v>72</v>
      </c>
    </row>
    <row r="42" spans="1:6" x14ac:dyDescent="0.15">
      <c r="A42" s="9"/>
      <c r="B42" s="6" t="s">
        <v>34</v>
      </c>
      <c r="C42" s="11"/>
      <c r="D42" s="11"/>
      <c r="E42" s="24"/>
      <c r="F42" s="19"/>
    </row>
    <row r="43" spans="1:6" ht="86.25" customHeight="1" x14ac:dyDescent="0.15">
      <c r="A43" s="10"/>
      <c r="B43" s="10"/>
      <c r="C43" s="5" t="s">
        <v>35</v>
      </c>
      <c r="D43" s="5" t="s">
        <v>54</v>
      </c>
      <c r="E43" s="17" t="s">
        <v>66</v>
      </c>
      <c r="F43" s="2" t="s">
        <v>72</v>
      </c>
    </row>
    <row r="44" spans="1:6" x14ac:dyDescent="0.15">
      <c r="A44" s="6" t="s">
        <v>36</v>
      </c>
      <c r="B44" s="12"/>
      <c r="C44" s="11"/>
      <c r="D44" s="11"/>
      <c r="E44" s="24"/>
      <c r="F44" s="19"/>
    </row>
    <row r="45" spans="1:6" ht="134.25" customHeight="1" x14ac:dyDescent="0.15">
      <c r="A45" s="15"/>
      <c r="B45" s="16"/>
      <c r="C45" s="5" t="s">
        <v>37</v>
      </c>
      <c r="D45" s="5" t="s">
        <v>52</v>
      </c>
      <c r="E45" s="17" t="s">
        <v>94</v>
      </c>
      <c r="F45" s="2" t="s">
        <v>72</v>
      </c>
    </row>
  </sheetData>
  <autoFilter ref="A9:F45"/>
  <phoneticPr fontId="2"/>
  <pageMargins left="0.70866141732283472" right="0.70866141732283472" top="0.35433070866141736" bottom="0.15748031496062992" header="0.19685039370078741" footer="0.31496062992125984"/>
  <pageSetup paperSize="9" scale="52" fitToHeight="0" orientation="portrait" r:id="rId1"/>
  <headerFooter>
    <oddHeader xml:space="preserve">&amp;R
</oddHeader>
  </headerFooter>
  <rowBreaks count="2" manualBreakCount="2">
    <brk id="25" max="5" man="1"/>
    <brk id="41" max="5"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取組状況調査票（知事部局・企業庁・議会局）</vt:lpstr>
      <vt:lpstr>'取組状況調査票（知事部局・企業庁・議会局）'!Print_Area</vt:lpstr>
      <vt:lpstr>'取組状況調査票（知事部局・企業庁・議会局）'!Print_Titles</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1-08-06T00:11:57Z</cp:lastPrinted>
  <dcterms:created xsi:type="dcterms:W3CDTF">2020-06-05T00:31:40Z</dcterms:created>
  <dcterms:modified xsi:type="dcterms:W3CDTF">2021-08-06T00:12:04Z</dcterms:modified>
</cp:coreProperties>
</file>